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4\02. Oddelenie VO\01. Prebiehajúce zákazky\05. Renátka\294_2023 Komplexný systém pre analýzu , manažment , reportovanie a archivovanie\02. Príprava\05.02 PTK_2\01. Odoslanie PTK\"/>
    </mc:Choice>
  </mc:AlternateContent>
  <bookViews>
    <workbookView xWindow="5040" yWindow="1530" windowWidth="27405" windowHeight="16785"/>
  </bookViews>
  <sheets>
    <sheet name="Cenová ponuka" sheetId="8" r:id="rId1"/>
  </sheets>
  <definedNames>
    <definedName name="_xlnm.Print_Area" localSheetId="0">'Cenová ponuka'!$A$1:$E$154</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37" uniqueCount="202">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3.2 Dostupnosť na trhu:</t>
  </si>
  <si>
    <t>Áno</t>
  </si>
  <si>
    <t>Nie</t>
  </si>
  <si>
    <t>2.  FUNKČNÁ ŠPECIFIKÁCIA PREDMETU ZÁKAZKY</t>
  </si>
  <si>
    <t>3.  ROZDELENIE a DOSTUPNOSŤ PREDMETU ZÁKAZKY</t>
  </si>
  <si>
    <t>4. TECHNICKÁ ŠPECIFIKÁCIA PREDMETU ZÁKAZKY</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tovar</t>
  </si>
  <si>
    <t>2.</t>
  </si>
  <si>
    <t>3.</t>
  </si>
  <si>
    <t>4.</t>
  </si>
  <si>
    <t>5.</t>
  </si>
  <si>
    <t>6.</t>
  </si>
  <si>
    <t>7.</t>
  </si>
  <si>
    <t>8.</t>
  </si>
  <si>
    <t>9.</t>
  </si>
  <si>
    <t>11.</t>
  </si>
  <si>
    <t>12.</t>
  </si>
  <si>
    <t>13.</t>
  </si>
  <si>
    <t>14.</t>
  </si>
  <si>
    <t>15.</t>
  </si>
  <si>
    <t>16.</t>
  </si>
  <si>
    <t>17.</t>
  </si>
  <si>
    <t>18.</t>
  </si>
  <si>
    <t>19.</t>
  </si>
  <si>
    <t>20.</t>
  </si>
  <si>
    <t>21.</t>
  </si>
  <si>
    <t xml:space="preserve">Požadované minimálne osobitné požiadavky na predmet zákazky:
</t>
  </si>
  <si>
    <t>10.</t>
  </si>
  <si>
    <t>P.č.</t>
  </si>
  <si>
    <t>Položka č.1</t>
  </si>
  <si>
    <t>22.</t>
  </si>
  <si>
    <t>23.</t>
  </si>
  <si>
    <t>24.</t>
  </si>
  <si>
    <t>25.</t>
  </si>
  <si>
    <t>26.</t>
  </si>
  <si>
    <t>27.</t>
  </si>
  <si>
    <t>28.</t>
  </si>
  <si>
    <t>29.</t>
  </si>
  <si>
    <t>30.</t>
  </si>
  <si>
    <t>31.</t>
  </si>
  <si>
    <t>32.</t>
  </si>
  <si>
    <t>33.</t>
  </si>
  <si>
    <t>34.</t>
  </si>
  <si>
    <t>35.</t>
  </si>
  <si>
    <t xml:space="preserve">Minimálne technické a funčné požiadavky na komplexný systém pre analýzu, manažment a reportovanie kardiologických vyšetrení multimodalitných a multivendorových obrazových dátreportovanie </t>
  </si>
  <si>
    <t>Možnosť analýzy, manažmentu a reportovania kardiologických vyšetrení multimodalitných a multivendorových obrazových dát. ( CT, MRI, X-ray, Angiography)</t>
  </si>
  <si>
    <t>Riešenie formou servera - klient architektúra umožňujúca pripojenie väčšieho počtu klientskych staníc s lokálnym aj vzdialeným prístupom. Analýza spracováva pacientske dáta výhradne na strane servera bez nutnosti sťahovania dát na klientske stanice.</t>
  </si>
  <si>
    <t>Možnosť inštalácie na fyzický server alebo vo virtuálnom prostredí VMWare.</t>
  </si>
  <si>
    <t>Možnosť rozšírenia o modul kontroly stimulácie ICD. Modul umožňuje relevantný prehľad klinického kontextu pacienta a histórie zariadenia ( Štrukturovaný reporting pre multi-vendor CIED pacientov)</t>
  </si>
  <si>
    <t>Možnosť prezerania EKG (DICOM ECG VIEWER)</t>
  </si>
  <si>
    <t>Možnosť rozšírenia o cievny ultrazvukový modul</t>
  </si>
  <si>
    <t>Komunikácia medzi serverom a klientom sprostredkovaná na základe TCP/IP cez protokol https s certifikátom SSL.</t>
  </si>
  <si>
    <t>Sieťové nastavenie servera v LAN na základe statickej IP adresy.</t>
  </si>
  <si>
    <t>Aplikácia nevyžaduje pri používaní iné užívateľské oprávnenia k operačnému systému, než ktoré má v defaultnom nastavení užívateľ.</t>
  </si>
  <si>
    <t>Inštaláciu SW thick klienta je možné vykonať v ľubovoľnej adresárovej štruktúre na klientskej stanici.</t>
  </si>
  <si>
    <t>Systém obsahuje správu pacienstkej databázy s možnosťou filtrovať dáta na základe viacerých parametrov (typ vyšetrenia, dátumu, typu modality, oddelenia, vyšetrujúceho lekára,...). Systém umožňuje prispôsobiť používateľské prostredie pre každého používateľa zvlášť.</t>
  </si>
  <si>
    <t>Zložka pacienta prezentovaná vo forme časovej osi (grafické, chronologické zobrazenie histórie testov pacienta) s možnosťou filtrovania zvoleného obdobia a možnosťou prezentácie iba vybraných typov testov.</t>
  </si>
  <si>
    <t>Prihlásenie do systému pomocou prihlasovacích údajov vytvorených v systéme alebo pomocou doménového účtu - možnosť výberu na prihlasovacej obrazovke bez nutnosti zadávať prihlasovacie údaje.</t>
  </si>
  <si>
    <t>Systém musí umožňovať administrátorskému účtu vytvárať/upravovať/odoberať prístupové práva pre jednotlivých užívateľov/skupiny užívateľov pre prácu s dátami a funkcionalitami systému. V správcovi prístupových práv je možné nastaviť dáta, ktoré budú pre užívateľa/skupinu užívateľ dostupné na základe niekoľkých parametrov (oddelenie, modalita,...), možnosť nastavenia oprávnenia na čítanie/zápis/mazanie dát.</t>
  </si>
  <si>
    <t>Kompletná DICOM 3.0 konektivita a DICOM služby v rozsahu: Store, Storage Commitment, Query/Retrieve, Modality Performed Procedure Step, Structured Reporting.</t>
  </si>
  <si>
    <t>Možnosť priameho ukladania DICOM dát z modalít na server, pre prípad nutnosti presného diagnostického vyhodnotenia nekomprimovaných pacientskych dát.</t>
  </si>
  <si>
    <t>Vendor neutrálne riešenie pre analýzu ultrazvukových dát od najväčších výrobcov diagnostických prístrojov na analýzu obrazu: GE, Siemens, Philips a Canon,...</t>
  </si>
  <si>
    <t>Možnosť základne analýzy obrazu: pan, zoom, zmena kontrastu, meranie a vkladanie textu.</t>
  </si>
  <si>
    <t>Možnosť prezerania, úpravy, tlače a archivácie EKG DICOM záznamov.</t>
  </si>
  <si>
    <t>Kompatibilita s DICOM röntgenovými dátami obsahujúci informácie o dávke žiarenia a možnosť zobrazenia informácie o dávke v aplikácii.</t>
  </si>
  <si>
    <t>Rýchly náhľad na obrazové dáta bez nutnosti čakať na načítanie celej série snímky z PACS.</t>
  </si>
  <si>
    <t>Možnosť napaľovania CD/DVD na klientskych staniciach so štúdiami v DICOM formáte vrátane možnosti vytvorenia a uloženia súboru DICOMDIR na médiu.</t>
  </si>
  <si>
    <t>Export obrazu a videoslučiek (HDD, USB a pod.) v obvyklých formátoch (DICOM, png, mpeg.), vrátane možnosti vytvorenia a uloženia súboru DICOMDIR na médiu.</t>
  </si>
  <si>
    <t>Audit trail štandard</t>
  </si>
  <si>
    <t>Spúšťanie aplikácií tretích strán zo systému prostredníctvom Uniform Resource Locator (URL) na úrovni systému, pacienta, štúdie a série.</t>
  </si>
  <si>
    <t>Modul pre import dokumentov PDF (Adobe Portable Document Format).</t>
  </si>
  <si>
    <t>Server aj klientske stanice sú komptatibilné so všetkými mainstreamovými antivírusovými programami dostupnými na trhu. Zabezpečenie antivírusom na serveri môže byť v réžii zákazníka.</t>
  </si>
  <si>
    <t>Možnosť vzdialenej správy systému pomocou zabezpečeného VPN tunela na báze IPSec medzi serverom a dáta centrom výrobcu.</t>
  </si>
  <si>
    <t>Systém podporujúci MS Windows AutoUpdate bezpečnostných balíčkov.</t>
  </si>
  <si>
    <t>Licencie pre echokardiografické merania a kvantifikácie</t>
  </si>
  <si>
    <t>42.</t>
  </si>
  <si>
    <t>43.</t>
  </si>
  <si>
    <t>44.</t>
  </si>
  <si>
    <t>45.</t>
  </si>
  <si>
    <t>46.</t>
  </si>
  <si>
    <t>47.</t>
  </si>
  <si>
    <t>48.</t>
  </si>
  <si>
    <t>49.</t>
  </si>
  <si>
    <t>50.</t>
  </si>
  <si>
    <t>51.</t>
  </si>
  <si>
    <t>52.</t>
  </si>
  <si>
    <t>4 x licencia pre základné prehliadanie, reporting a analýzu ultrazvukových a rtg snímkov</t>
  </si>
  <si>
    <t>4 x plávajúca licencia pre nové a opätovné 2D kardiologické merania (kompletné 2D echokardiografické merania vrátane M-módu, Dopplerovských meraní)</t>
  </si>
  <si>
    <t>1 x plávajúca licencia pre 3D/4D prehliadanie kardiologických dát (možnosť zobrazenia a merania pre rôzne defekty, unikátne D‘art navigácia)</t>
  </si>
  <si>
    <t>1 x plávajúca licencia pre 4D analýzu ľavej komory (knatifikácia funčnosti a hodnoty globálneho strainu pomocou 3D speckle trackingu )</t>
  </si>
  <si>
    <t>1 x plávajúca licencia pre 3D analýzu pravej komory (objem, funkčnosť, strain)</t>
  </si>
  <si>
    <t>1 x plávajúca licencia pre 3D analýzu mitrálnej chlopne (analýza kompexmej anatómie s dynamickými mechanizmami v systole)</t>
  </si>
  <si>
    <t>1 x plávajúca licencia pre 2D auto- strain analýzu ľavej komory, pravej komory, ľavej predsiene, SAX</t>
  </si>
  <si>
    <t>1 x plávajúca licencia pre Auto LV</t>
  </si>
  <si>
    <t>1 x plávajúca licencia pre Auto RV</t>
  </si>
  <si>
    <t>1 x plávajúca licencia pre automatické merania EF pomocou AI</t>
  </si>
  <si>
    <t>1 x plávajúca licencia pre Stress Echo</t>
  </si>
  <si>
    <t xml:space="preserve">Požadovaný počet MJ </t>
  </si>
  <si>
    <t>Komplexný systém pre analýzu, manažment, reportovanie a archiváciu</t>
  </si>
  <si>
    <t>3.1</t>
  </si>
  <si>
    <t>3.2</t>
  </si>
  <si>
    <t>Položka č. 1 - Komplexný systém pre analýzu, manažment, reportovanie a archiváciu</t>
  </si>
  <si>
    <r>
      <t>Verejný obstarávateľ si vyhradzuje právo pred podpisom zmluvy</t>
    </r>
    <r>
      <rPr>
        <b/>
        <sz val="10"/>
        <color theme="1"/>
        <rFont val="Arial"/>
        <family val="2"/>
        <charset val="238"/>
      </rPr>
      <t xml:space="preserve"> testovanie systému po dobu 30 kalendárnych dní.</t>
    </r>
  </si>
  <si>
    <r>
      <t xml:space="preserve">Licencie pre echokardiografické merania a kvantifikácie </t>
    </r>
    <r>
      <rPr>
        <sz val="10"/>
        <color theme="1"/>
        <rFont val="Arial"/>
        <family val="2"/>
        <charset val="238"/>
      </rPr>
      <t>podľa vyššie uvedených bodov č. 42 - č. 52</t>
    </r>
  </si>
  <si>
    <t>33112000-8 Echo, ultrazvukové a dopplerovské zobrazovacie zariadenia</t>
  </si>
  <si>
    <t>72316000-3  Analýza údajov</t>
  </si>
  <si>
    <t>33112340-3 Echokardiografy</t>
  </si>
  <si>
    <t xml:space="preserve">Komplexný systém pre analýzu , manažment , reportovanie a archivovanie </t>
  </si>
  <si>
    <t>60000000-8 Dopravné služby (bez prepravy odpadu)</t>
  </si>
  <si>
    <t>2.1</t>
  </si>
  <si>
    <t>2.2</t>
  </si>
  <si>
    <t>2.3</t>
  </si>
  <si>
    <t>2.4</t>
  </si>
  <si>
    <t>2.5</t>
  </si>
  <si>
    <t>Požaduje sa uzatvorenie kúpnej zmluvy.</t>
  </si>
  <si>
    <t>Požaduje sa splnenie predmetu zákazky:</t>
  </si>
  <si>
    <t>do 60 kalendárnych dní odo dňa nadobudnutia účinnosti zmluvy,</t>
  </si>
  <si>
    <t>v sídle Objednávateľa na vlastné náklady tak, aby bola zabezpečená dostatočná ochrana pred poškodením, pričom konkrétne miesto dodania - pracovisko Objednávateľa a zodpovedná osoba Objednávateľa budú Dodávateľovi písomne upresnené po uzavretí zmluvného vzťahu,</t>
  </si>
  <si>
    <t>po predchádzajúcom preukázateľnom upovedomení Objednávateľa minimálne 5 pracovných dní vopred tak, aby Objednávateľ mohol poskytnúť potrebnú súčinnosť pri dodaní,</t>
  </si>
  <si>
    <t>s preberacím protokolom, ktorý musí obsahovať okrem povinných náležitostí aj číslo objednávky (ak bola vystavená), číslo kúpnej zmluvy, jednotkovú cenu príslušnej položky bez DPH, s DPH, sadzbu DPH, celkovú cenu príslušnej položky bez DPH, s DPH, ŠÚKL (ak je to relevantné).
V prípade, ak je dodávaný tovar z krajiny EÚ (okrem SR), je Dodávateľ povinný uviesť v preberacom protokole, okrem náležitostí uvedených v predchádzajúcej vete, aj:
- kód tovaru podľa aktuálne platného colného sadzobníka,
- údaj o krajine pôvodu tovaru (t. j. krajina kde bol tovar vyrobený).</t>
  </si>
  <si>
    <t>Prevzatie a dodanie prístroja sú zmluvné strany, resp. ich poverení zástupcovia, povinné písomne potvrdiť na dodacom liste alebo preberacom protokole. Jedna kópia dodacieho listu alebo preberacieho protokolu ostáva Objednávateľovi. V prípade uplatnenia oprávnenej výhrady Objednávateľa pri dodaní predmetu zákazky, ostáva predmet zákazky vo vlastníctve Dodávateľa až do doby, kým Dodávateľ neodstráni prekážku, ktorá bráni Objednávateľovi predmet zákazky riadne prevziať.</t>
  </si>
  <si>
    <t>Objednávateľ si vyhradzuje právo prevziať iba plnenie spĺňajúce všetky technické vlastnosti uvedené v Špecifikácii predmetu zákazky, ktoré je funkčné, bez zjavných vád, dodané v kompletnom stave a v požadovanom množstve. V opačnom prípade si Objednávateľ vyhradzuje právo nepodpísať preberací protokol, neprevziať predmet zákazky a nezaplatiť cenu za riadne nedodaný predmet zákazky.</t>
  </si>
  <si>
    <t>Funkčné, technické a výkonnostné požiadavky na predmet zákazky, ktoré sú uvedené v Špecifikácii predmetu zákazky sú považované za minimálne. Objednávateľ akceptuje aj také funkčné, technické a výkonnostné vlastnosti predmetu zákazky v rámci predloženej kontraktačnej ponuky, ktorých vyjadrené kvantifikovateľné aj nekvantifikovateľné parametre budú vyššie (lepšie) ako sú Objednávateľom uvedené požadované parametre funkčných, technických a výkonnostných vlastností predmetu zákazky.</t>
  </si>
  <si>
    <t>Súčasťou záväzku Dodávateľa je zároveň poskytnutie písomných dokladov potrebných pre riadne a bezchybné použitie predmetu zákazky na stanovený účel, a to najmä, no nie len výlučne: návod na použitie v slovenskom alebo anglickom jazyku, záručný list, preberací (akceptačný) protokol, inštalačný protokol, protokol o odbornom zaškolení zamestnancov Objednávateľa s obsluhou predmetu zákazky.</t>
  </si>
  <si>
    <t>Súčasťou dodania predmetu zákazky je aj povinnosť Dodávateľa odovzdať Objednávateľovi:
- zoznam a kontaktné údaje servisných stredísk Dodávateľa pre potreby plnenia zmluvy,
- kontaktné údaje na Klientske pracovisko Dodávateľa - tzv. "Hotline", "Helpdesk", "Call centrum..." pre potreby plnenia zmluvy.</t>
  </si>
  <si>
    <t>Požaduje sa spísanie Inštalačného protokolu o inštalácii predmetu zákazky .</t>
  </si>
  <si>
    <t>Požaduje sa zaškolenie zamestnancov Objednávateľa o obsluhe predmetu zákazky najneskôr pri inštalácii predmetu zákazky a spísanie Protokolu o zaškolení.</t>
  </si>
  <si>
    <t>Požaduje sa otestovanie funkčnosti systému bezodkladne po inštalácii predmetu zákazky a následné vystavenie potvrdenia o funkčnosti systému.</t>
  </si>
  <si>
    <t>Dodávateľ poskytuje na predmet zákazky a všetky jeho súčasti komplexnú záruku v trvaní 24 mesiacov odo dňa, kedy je predmet zákazky uvedený do prevádzky. Uvedenie predmetu zákazky do prevádzky a začiatok plynutia záručnej doby sa potvrdí na preberacom protokole, ktorý podpíšu zmluvné strany, resp. ich poverení zástupcovia. Záručná doba sa automaticky predlžuje o dobu, po ktorú nemohol byť predmet zákazky využívaný na účel, na ktorý je určený a to z dôvodov, na ktoré sa vzťahuje záruka.</t>
  </si>
  <si>
    <t>Požaduje sa poskytnutie nevyhradných licencií, v neobmedzenom rozsahu, na celú dobu trvania majetkových práv autora. Požaduje sa udelenie súhlasu, aby Objednávateľ udelil sublicenciu tretím osobám na použitie softvéru rovnakým spôsobom, v rovnakom rozsahu, na rovnaký čas a za rovnakých podmienok, ako je licencia udelená Objednávateľovi. Licencia sa udel'uje odplatne, pričom sa požaduje zahrnutie odmeny za jej poskytnutie, ako aj odmeny za udelenie súhlasu na udelenie licencie do celkovej zmluvnej ceny. Udelené licencie a právo udelit' sublicenciu nebudú skončením uzatvorenej zmluvy dotknuté. Súčasťou licencie je i súhlas Dodávateľa na integráciu predmetu zákazky s prípadnými ďalšími systémami prevádzkovanými Objednávateľom a to spôsobom a v zmysle dokumentácie k jednotlivým softvérovým modulom.</t>
  </si>
  <si>
    <t>Požaduje sa, aby bol Dodávateľ oprávnený udeliť požadované licencie a disponoval všetkými právami k službám, ktoré poskytne Objednávateľovi, pričom musí mať vysporiadané autorské práva so všetými autormi predmetu zákazky, resp. aby vo vlastnom mene a na vlastnú zodpovednosť vykonával majetkové práva k predmetu zákazky v zmysle ustanovení Autorského zákona.</t>
  </si>
  <si>
    <t>Objednávateľ si vyhradzuje právo na posúdenie, či ponúkané riešenie je plne kompatibilné s existujúcim riešením a ďalšími systémami prevádzkovanými Objednávateľom.</t>
  </si>
  <si>
    <t>Ak Dodávateľ nepredloží alebo predloží Objednávateľovi prospekt plnenia a/alebo certifikát, v ktorom ktorákoľvek hodnota nebude v súlade so skutočnými alebo minimálne požadovanými vlastnosťami dodávaného plnenia, alebo sa takýto produkt pokúsi dodať, Objednávateľ je oprávnený uplatniť si u Dodávateľa zmluvnú pokutu v sume rovnajúcej sa 5 % zo zmluvnej ceny, minimálne však 500,- EUR (slovom: päťsto EUR) za každé takéto porušenie. Tým nie je dotknutý nárok na náhradu škody. Pokuta nebude uplatnená, ak skutočné parametre sú kvalitatívne alebo kvantitatívne lepšie.</t>
  </si>
  <si>
    <t>Dodávateľ je povinný k faktúre priložiť kópiu preberacieho protokolu a kópiu inštalančného protokolu ako jej povinnú prílohu.</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podatelna@vusch.sk. Za deň splnenia peňažného záväzku sa považuje deň odpísania dlžnej sumy z účtu Objednávateľa v prospech účtu Dodávateľa.</t>
  </si>
  <si>
    <t>Požaduje sa v zmysle § 340b ods. 5 zákona č. 513/1991 Z. z. Obchodného zákonníka v znení neskorších predpisov splatnosť faktúry v lehote 60 kalendárnych dní odo dňa jej doručenia Objednávateľovi.</t>
  </si>
  <si>
    <t>Zmluvná cena zahŕňa aj služby spojené s jeho dodaním, t. j. zabezpečenie dopravy do dohodnutého miesta dodania, dopravu Dodávateľa do miesta dodania a späť, ako aj všetky ostatné náklady Dodávateľa vynaložené v súvislosti s dodaním/poskytnutím služieb Objednávateľovi, uvedením do prevádzky (inštaláciou), odborným zaškolením obsluhy, poskytnutím užívateľskej dokumentácie, poskytnutím licencií, ako aj poskytovanie záručného servisu v mieste inštalácie.</t>
  </si>
  <si>
    <t>Dodávateľ je povinný počas trvania záručnej doby nastúpiť na odstránenie vady v lehote do 12 hodín od nahlásenia vady a túto vadu odstrániť v lehote do 24 hodín od nástupu na opravu. V prípade nedodržania uvedenej lehoty, má Objednávateľ právo požadovať od Dodávateľa za každé jedno porušenie zmluvnú pokutu za nedodržanie lehôt spojených so zárukou vo výške 50,- EUR (slovom: päťdesiat EUR) za každú začatú hodinu omeškania, najviac však do výšky 5 % kúpnej ceny riešenia a to pre každý jednotlivý prípad omeškania.</t>
  </si>
  <si>
    <t xml:space="preserve">Objednávateľ je oprávnený vadu, ktorú zistí počas záručnej doby, nahlásiť Dodávateľovi prostredníctvom klientskeho pracoviska Dodávateľa. V prípade, ak komunikačným kanálom klientskeho pracoviska Dodávateľa je e-mailová komunikácia, za moment nahlásenia vady sa považuje moment prijatia e-mailovej správy Dodávateľom. V prípade ak komunikačným kanálom klientskeho pracoviska dodávateľa je telefónna linka, za moment nahlásenia vady sa považuje moment spätného telefonického alebo e-mailového potvrdenia Objednávateľovi a jeho evidencia, vrátane mena oznamovateľa, telefónneho čísla pre potvrdenie a stručného opisu vady. </t>
  </si>
  <si>
    <t>Dodávateľ nesie zodpovednosť za to, že služby záručného servisu a údržby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uzatvoreného zmluvného vzťahu.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v 1-mesačnej výpovednej lehote. Výpovedná lehota začína plynúť prvým kalendárnym dňom mesiaca, nasledujúcom po mesiaci, v ktorom bola písomná výpoveď doručená Dodávateľovi a skončí sa posledným kalendárnym dňom príslušného mesiaca.</t>
  </si>
  <si>
    <t xml:space="preserve">Požaduje sa uzatvorenie Zmluvy o zabezpečení plnenia bezpečnostných opatrení a notifikačných povinností podľa zákona č. 69/2018 Z. z. o kybernetickej bezpečnosti a o zmene a doplnení niektorých zákonov v znení neskorších predpisov súčasne s uzatvorením kúpnej zmluvy. </t>
  </si>
  <si>
    <t>V prípade, ak sa na predmet zákazky vykonala prípravná trhová konzultácia, informácie k prípravnej trhovej konzultácie verejný obstarávateľ zverejňuje na www.vusch.sk/verejne-obstaravanie/.</t>
  </si>
  <si>
    <t>SERVER: Obstarávateľ môže poskytnúť HW zdroje na existujúcom Vmware, maximálne však:
4vCPU, 32GB RAM, 1 Gbps, do 1 TB SSD, Lic. OS MS Windows Server 2022 Datacenter.
Ak pre dodávané riešenie uvedené serverové HW zdroje nie sú postačujúce, dodávateľ riešenia nacení, dodá a nakonfiguruje potrebný fyzický server.
Okrem uvedého, dodávateľ dodá a nakonfiguruje všetok potrebný softvér a dodá všetky sofvérové licencie, potrebné k prevádzke riešenia.</t>
  </si>
  <si>
    <t>Obstarávateľ pre prevádzku riešenia poskytne pracovné stanice, v konfigurácii minimálne:
6 cores@3,5GHz (min Intel i5 8gen), 16GB RAM, volné miesto 100GB na disku, 1 Gbit sieťová karta. Windows 10 min1703 edice Pro alebo vyšší</t>
  </si>
  <si>
    <t>Jednotné webové užívateľské prostredie na prezeranie a analýzu pacientskych dát. Prezeranie a základnú analýzu pacientskych dát formou zero footprint technológie umožňujúcej pristúpiť z internetového prehliadača kompatibilného s HTML5 (minimálne z MS Edge &gt;v111, Chrome &gt;v111, Safari &gt;15) bez nutnosti inštalovať dodatočný SW. Pokročilá analýza pacientskych dát  pomocou thick klientov nainštalovaných na klientskych staniciach.</t>
  </si>
  <si>
    <t>Reportovací systém vo webovom prostredí formou zero footprint technológie umožňujúcej pristúpiť z  internetového prehliadača kompatibilného s HTML5 (MS Edge &gt;v111, Chrome &gt;v111, Safari &gt;15) s možnosťou vytvárať a upravovať reporty a/alebo templaty reportu.</t>
  </si>
  <si>
    <t>Možnosť analýzy a zobrazenia klinických dát vo formáte 2D, 3D aj 4D, s možnosťou vizuálne porovnávať dáta z rôznych modalít a/alebo dokumentov vedľa seba..</t>
  </si>
  <si>
    <t>Systém je GDPR kompatibilný a umožňujúci  v prípade požiadavky: odstrániť všetky pacientske dáta zo systému, anonymizovať pacientske dáta, vygenerovať všetky pacientske dáta uložené v systéme, vymazať automaticky alebo manuálne dáta po určitej dobe a obmedziť prístup k pacientskym informáciám.</t>
  </si>
  <si>
    <t>v pracovných dňoch v čase od 08:00 hod. do 16:00 hod.,</t>
  </si>
  <si>
    <t>Požaduje sa, aby počas plnenia zmluvy bol dodávateľ autorizovaný/certifikovaný na dodávku, inštaláciu a servis ponúkaného predmetu zákazky. Ak nie, musí dodávateľ zabezpečiť podporu náležite vyškoleného technika od výrobcu dodávaného systému alebo jeho partnera.</t>
  </si>
  <si>
    <t>Ak zdroje obstarávateľa nepostačujú, doplniť požadované parametre na pracovnú stanicu.</t>
  </si>
  <si>
    <t>Pacientský plánovač výkonov - možnosť plánovania prostredníctvom DICOM Modality Worklistov pripravených v NIS a PACS systéme obstarávateľa</t>
  </si>
  <si>
    <t>Ak zdroje obstarávateľa nepostačujú, doplniť parametre servera, ktoré dodá v rámci riešenia dodávateľ predmetu obstarávania.</t>
  </si>
  <si>
    <r>
      <t xml:space="preserve">Kalkulácia ceny - Štruktúrovaný rozpočet ceny predmetu zákazky </t>
    </r>
    <r>
      <rPr>
        <i/>
        <sz val="10"/>
        <rFont val="Arial"/>
        <family val="2"/>
        <charset val="238"/>
      </rPr>
      <t>(Príloha č. 1)</t>
    </r>
  </si>
</sst>
</file>

<file path=xl/styles.xml><?xml version="1.0" encoding="utf-8"?>
<styleSheet xmlns="http://schemas.openxmlformats.org/spreadsheetml/2006/main" xmlns:mc="http://schemas.openxmlformats.org/markup-compatibility/2006" xmlns:x14ac="http://schemas.microsoft.com/office/spreadsheetml/2009/9/ac" mc:Ignorable="x14ac">
  <fonts count="22"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8"/>
      <name val="Calibri"/>
      <family val="2"/>
      <charset val="238"/>
      <scheme val="minor"/>
    </font>
    <font>
      <sz val="10"/>
      <color rgb="FF000000"/>
      <name val="Arial"/>
      <family val="2"/>
      <charset val="238"/>
    </font>
    <font>
      <sz val="11"/>
      <name val="Arial"/>
      <family val="2"/>
      <charset val="238"/>
    </font>
    <font>
      <sz val="10"/>
      <color rgb="FF202124"/>
      <name val="Arial"/>
      <family val="2"/>
      <charset val="238"/>
    </font>
    <font>
      <sz val="10"/>
      <color rgb="FFC00000"/>
      <name val="Arial"/>
      <family val="2"/>
      <charset val="238"/>
    </font>
    <font>
      <sz val="10"/>
      <color theme="1"/>
      <name val="Arial"/>
      <family val="2"/>
    </font>
    <font>
      <i/>
      <sz val="10"/>
      <color rgb="FFC00000"/>
      <name val="Arial"/>
      <family val="2"/>
      <charset val="238"/>
    </font>
    <font>
      <b/>
      <sz val="11"/>
      <color theme="1"/>
      <name val="Arial"/>
      <family val="2"/>
      <charset val="238"/>
    </font>
    <font>
      <i/>
      <sz val="10"/>
      <name val="Arial"/>
      <family val="2"/>
      <charset val="238"/>
    </font>
  </fonts>
  <fills count="6">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s>
  <borders count="81">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bottom style="dotted">
        <color auto="1"/>
      </bottom>
      <diagonal/>
    </border>
    <border>
      <left style="medium">
        <color auto="1"/>
      </left>
      <right style="thin">
        <color auto="1"/>
      </right>
      <top style="dotted">
        <color auto="1"/>
      </top>
      <bottom style="dotted">
        <color auto="1"/>
      </bottom>
      <diagonal/>
    </border>
    <border>
      <left style="medium">
        <color auto="1"/>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thin">
        <color auto="1"/>
      </right>
      <top style="dotted">
        <color auto="1"/>
      </top>
      <bottom style="medium">
        <color indexed="64"/>
      </bottom>
      <diagonal/>
    </border>
    <border>
      <left style="thin">
        <color auto="1"/>
      </left>
      <right style="thin">
        <color auto="1"/>
      </right>
      <top style="thin">
        <color auto="1"/>
      </top>
      <bottom style="thin">
        <color auto="1"/>
      </bottom>
      <diagonal/>
    </border>
    <border>
      <left style="medium">
        <color auto="1"/>
      </left>
      <right/>
      <top/>
      <bottom style="medium">
        <color auto="1"/>
      </bottom>
      <diagonal/>
    </border>
    <border>
      <left/>
      <right/>
      <top style="medium">
        <color auto="1"/>
      </top>
      <bottom style="thin">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auto="1"/>
      </left>
      <right/>
      <top style="thin">
        <color auto="1"/>
      </top>
      <bottom style="dotted">
        <color indexed="64"/>
      </bottom>
      <diagonal/>
    </border>
    <border>
      <left style="thin">
        <color auto="1"/>
      </left>
      <right/>
      <top style="dotted">
        <color indexed="64"/>
      </top>
      <bottom style="dotted">
        <color indexed="64"/>
      </bottom>
      <diagonal/>
    </border>
    <border>
      <left style="medium">
        <color auto="1"/>
      </left>
      <right style="thin">
        <color auto="1"/>
      </right>
      <top style="dotted">
        <color auto="1"/>
      </top>
      <bottom style="thin">
        <color auto="1"/>
      </bottom>
      <diagonal/>
    </border>
    <border>
      <left style="thin">
        <color auto="1"/>
      </left>
      <right/>
      <top/>
      <bottom style="thin">
        <color auto="1"/>
      </bottom>
      <diagonal/>
    </border>
    <border>
      <left style="thin">
        <color auto="1"/>
      </left>
      <right style="thin">
        <color auto="1"/>
      </right>
      <top/>
      <bottom/>
      <diagonal/>
    </border>
    <border>
      <left style="thin">
        <color auto="1"/>
      </left>
      <right style="thin">
        <color auto="1"/>
      </right>
      <top style="dotted">
        <color indexed="64"/>
      </top>
      <bottom style="thin">
        <color auto="1"/>
      </bottom>
      <diagonal/>
    </border>
    <border>
      <left style="thin">
        <color auto="1"/>
      </left>
      <right style="thin">
        <color auto="1"/>
      </right>
      <top style="thin">
        <color auto="1"/>
      </top>
      <bottom/>
      <diagonal/>
    </border>
    <border>
      <left style="medium">
        <color auto="1"/>
      </left>
      <right style="dotted">
        <color auto="1"/>
      </right>
      <top style="dotted">
        <color auto="1"/>
      </top>
      <bottom style="dotted">
        <color auto="1"/>
      </bottom>
      <diagonal/>
    </border>
    <border>
      <left style="medium">
        <color auto="1"/>
      </left>
      <right style="dotted">
        <color auto="1"/>
      </right>
      <top/>
      <bottom style="dotted">
        <color auto="1"/>
      </bottom>
      <diagonal/>
    </border>
    <border>
      <left style="thin">
        <color auto="1"/>
      </left>
      <right/>
      <top/>
      <bottom style="dotted">
        <color indexed="64"/>
      </bottom>
      <diagonal/>
    </border>
    <border>
      <left style="thin">
        <color auto="1"/>
      </left>
      <right style="thin">
        <color auto="1"/>
      </right>
      <top style="dotted">
        <color indexed="64"/>
      </top>
      <bottom style="dotted">
        <color indexed="64"/>
      </bottom>
      <diagonal/>
    </border>
    <border>
      <left style="thin">
        <color auto="1"/>
      </left>
      <right style="thin">
        <color auto="1"/>
      </right>
      <top style="dotted">
        <color indexed="64"/>
      </top>
      <bottom/>
      <diagonal/>
    </border>
    <border>
      <left style="thin">
        <color auto="1"/>
      </left>
      <right/>
      <top style="thin">
        <color auto="1"/>
      </top>
      <bottom/>
      <diagonal/>
    </border>
    <border>
      <left/>
      <right style="medium">
        <color auto="1"/>
      </right>
      <top/>
      <bottom style="thin">
        <color auto="1"/>
      </bottom>
      <diagonal/>
    </border>
    <border>
      <left/>
      <right style="medium">
        <color auto="1"/>
      </right>
      <top style="thin">
        <color auto="1"/>
      </top>
      <bottom style="dotted">
        <color indexed="64"/>
      </bottom>
      <diagonal/>
    </border>
    <border>
      <left/>
      <right style="medium">
        <color auto="1"/>
      </right>
      <top style="dotted">
        <color auto="1"/>
      </top>
      <bottom style="dotted">
        <color indexed="64"/>
      </bottom>
      <diagonal/>
    </border>
    <border>
      <left style="medium">
        <color auto="1"/>
      </left>
      <right/>
      <top/>
      <bottom/>
      <diagonal/>
    </border>
    <border>
      <left/>
      <right style="medium">
        <color auto="1"/>
      </right>
      <top/>
      <bottom/>
      <diagonal/>
    </border>
    <border>
      <left style="thin">
        <color auto="1"/>
      </left>
      <right style="medium">
        <color auto="1"/>
      </right>
      <top/>
      <bottom/>
      <diagonal/>
    </border>
    <border>
      <left style="medium">
        <color auto="1"/>
      </left>
      <right style="dotted">
        <color auto="1"/>
      </right>
      <top style="dotted">
        <color auto="1"/>
      </top>
      <bottom/>
      <diagonal/>
    </border>
    <border>
      <left style="thin">
        <color auto="1"/>
      </left>
      <right style="dotted">
        <color auto="1"/>
      </right>
      <top/>
      <bottom/>
      <diagonal/>
    </border>
    <border>
      <left style="medium">
        <color indexed="64"/>
      </left>
      <right style="dotted">
        <color auto="1"/>
      </right>
      <top style="medium">
        <color indexed="64"/>
      </top>
      <bottom style="dotted">
        <color auto="1"/>
      </bottom>
      <diagonal/>
    </border>
    <border>
      <left style="medium">
        <color indexed="64"/>
      </left>
      <right style="dotted">
        <color auto="1"/>
      </right>
      <top style="dotted">
        <color auto="1"/>
      </top>
      <bottom style="medium">
        <color indexed="64"/>
      </bottom>
      <diagonal/>
    </border>
    <border>
      <left style="dotted">
        <color auto="1"/>
      </left>
      <right/>
      <top style="dotted">
        <color auto="1"/>
      </top>
      <bottom style="dotted">
        <color auto="1"/>
      </bottom>
      <diagonal/>
    </border>
    <border>
      <left style="thin">
        <color indexed="64"/>
      </left>
      <right style="thin">
        <color auto="1"/>
      </right>
      <top style="dotted">
        <color indexed="64"/>
      </top>
      <bottom style="medium">
        <color auto="1"/>
      </bottom>
      <diagonal/>
    </border>
    <border>
      <left style="thin">
        <color indexed="64"/>
      </left>
      <right/>
      <top style="dotted">
        <color auto="1"/>
      </top>
      <bottom/>
      <diagonal/>
    </border>
    <border>
      <left style="medium">
        <color auto="1"/>
      </left>
      <right style="thin">
        <color auto="1"/>
      </right>
      <top style="dotted">
        <color auto="1"/>
      </top>
      <bottom/>
      <diagonal/>
    </border>
    <border>
      <left style="dotted">
        <color auto="1"/>
      </left>
      <right/>
      <top style="dotted">
        <color auto="1"/>
      </top>
      <bottom/>
      <diagonal/>
    </border>
    <border>
      <left/>
      <right style="medium">
        <color auto="1"/>
      </right>
      <top style="dotted">
        <color auto="1"/>
      </top>
      <bottom/>
      <diagonal/>
    </border>
    <border>
      <left style="medium">
        <color auto="1"/>
      </left>
      <right style="thin">
        <color auto="1"/>
      </right>
      <top style="thin">
        <color auto="1"/>
      </top>
      <bottom/>
      <diagonal/>
    </border>
    <border>
      <left/>
      <right style="thin">
        <color auto="1"/>
      </right>
      <top style="thin">
        <color auto="1"/>
      </top>
      <bottom/>
      <diagonal/>
    </border>
    <border>
      <left style="dotted">
        <color auto="1"/>
      </left>
      <right style="thin">
        <color indexed="64"/>
      </right>
      <top style="medium">
        <color auto="1"/>
      </top>
      <bottom style="dotted">
        <color auto="1"/>
      </bottom>
      <diagonal/>
    </border>
    <border>
      <left style="dotted">
        <color indexed="64"/>
      </left>
      <right style="thin">
        <color indexed="64"/>
      </right>
      <top style="dotted">
        <color indexed="64"/>
      </top>
      <bottom style="dotted">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right style="thin">
        <color indexed="64"/>
      </right>
      <top/>
      <bottom style="thin">
        <color indexed="64"/>
      </bottom>
      <diagonal/>
    </border>
    <border>
      <left style="dotted">
        <color indexed="64"/>
      </left>
      <right style="thin">
        <color indexed="64"/>
      </right>
      <top style="dotted">
        <color indexed="64"/>
      </top>
      <bottom style="medium">
        <color auto="1"/>
      </bottom>
      <diagonal/>
    </border>
    <border>
      <left/>
      <right style="thin">
        <color auto="1"/>
      </right>
      <top style="thin">
        <color auto="1"/>
      </top>
      <bottom style="dotted">
        <color auto="1"/>
      </bottom>
      <diagonal/>
    </border>
    <border>
      <left/>
      <right style="thin">
        <color auto="1"/>
      </right>
      <top style="dotted">
        <color indexed="64"/>
      </top>
      <bottom style="dotted">
        <color indexed="64"/>
      </bottom>
      <diagonal/>
    </border>
    <border>
      <left/>
      <right style="thin">
        <color indexed="64"/>
      </right>
      <top/>
      <bottom/>
      <diagonal/>
    </border>
    <border>
      <left style="thin">
        <color indexed="64"/>
      </left>
      <right style="medium">
        <color indexed="64"/>
      </right>
      <top style="medium">
        <color indexed="64"/>
      </top>
      <bottom style="dotted">
        <color indexed="64"/>
      </bottom>
      <diagonal/>
    </border>
    <border>
      <left style="thin">
        <color indexed="64"/>
      </left>
      <right style="thin">
        <color indexed="64"/>
      </right>
      <top style="medium">
        <color indexed="64"/>
      </top>
      <bottom style="dotted">
        <color indexed="64"/>
      </bottom>
      <diagonal/>
    </border>
    <border>
      <left style="thin">
        <color auto="1"/>
      </left>
      <right style="medium">
        <color auto="1"/>
      </right>
      <top style="dotted">
        <color indexed="64"/>
      </top>
      <bottom style="dotted">
        <color indexed="64"/>
      </bottom>
      <diagonal/>
    </border>
    <border>
      <left style="thin">
        <color auto="1"/>
      </left>
      <right/>
      <top/>
      <bottom/>
      <diagonal/>
    </border>
    <border>
      <left/>
      <right style="medium">
        <color auto="1"/>
      </right>
      <top/>
      <bottom style="dotted">
        <color indexed="64"/>
      </bottom>
      <diagonal/>
    </border>
    <border>
      <left/>
      <right style="medium">
        <color auto="1"/>
      </right>
      <top style="thin">
        <color indexed="64"/>
      </top>
      <bottom/>
      <diagonal/>
    </border>
    <border>
      <left style="thin">
        <color auto="1"/>
      </left>
      <right style="thin">
        <color auto="1"/>
      </right>
      <top/>
      <bottom style="dotted">
        <color auto="1"/>
      </bottom>
      <diagonal/>
    </border>
    <border>
      <left style="thin">
        <color indexed="64"/>
      </left>
      <right style="dotted">
        <color indexed="64"/>
      </right>
      <top style="thin">
        <color auto="1"/>
      </top>
      <bottom style="dotted">
        <color indexed="64"/>
      </bottom>
      <diagonal/>
    </border>
    <border>
      <left style="thin">
        <color auto="1"/>
      </left>
      <right style="medium">
        <color auto="1"/>
      </right>
      <top style="dotted">
        <color indexed="64"/>
      </top>
      <bottom/>
      <diagonal/>
    </border>
    <border>
      <left style="thin">
        <color auto="1"/>
      </left>
      <right style="medium">
        <color auto="1"/>
      </right>
      <top/>
      <bottom style="dotted">
        <color indexed="64"/>
      </bottom>
      <diagonal/>
    </border>
    <border>
      <left style="dotted">
        <color indexed="64"/>
      </left>
      <right style="thin">
        <color auto="1"/>
      </right>
      <top/>
      <bottom style="dotted">
        <color indexed="64"/>
      </bottom>
      <diagonal/>
    </border>
    <border>
      <left style="thin">
        <color indexed="64"/>
      </left>
      <right style="thin">
        <color indexed="64"/>
      </right>
      <top/>
      <bottom style="medium">
        <color auto="1"/>
      </bottom>
      <diagonal/>
    </border>
    <border>
      <left style="thin">
        <color auto="1"/>
      </left>
      <right style="medium">
        <color indexed="64"/>
      </right>
      <top/>
      <bottom style="medium">
        <color indexed="64"/>
      </bottom>
      <diagonal/>
    </border>
    <border>
      <left style="thin">
        <color auto="1"/>
      </left>
      <right/>
      <top/>
      <bottom style="medium">
        <color indexed="64"/>
      </bottom>
      <diagonal/>
    </border>
    <border>
      <left/>
      <right style="medium">
        <color indexed="64"/>
      </right>
      <top/>
      <bottom style="medium">
        <color indexed="64"/>
      </bottom>
      <diagonal/>
    </border>
    <border>
      <left style="medium">
        <color auto="1"/>
      </left>
      <right style="thin">
        <color auto="1"/>
      </right>
      <top/>
      <bottom/>
      <diagonal/>
    </border>
    <border>
      <left style="medium">
        <color indexed="64"/>
      </left>
      <right style="thin">
        <color auto="1"/>
      </right>
      <top style="medium">
        <color indexed="64"/>
      </top>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209">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0" fontId="2" fillId="0" borderId="0" xfId="0" applyFont="1" applyAlignment="1">
      <alignment horizontal="center" vertical="center" wrapText="1"/>
    </xf>
    <xf numFmtId="0" fontId="2" fillId="0" borderId="0" xfId="0" applyFont="1" applyAlignment="1">
      <alignment horizontal="center" wrapText="1"/>
    </xf>
    <xf numFmtId="0" fontId="2" fillId="0" borderId="0" xfId="0" applyFont="1" applyAlignment="1">
      <alignment horizontal="left" vertical="center" wrapText="1"/>
    </xf>
    <xf numFmtId="49" fontId="3" fillId="0" borderId="0" xfId="0" applyNumberFormat="1" applyFont="1" applyAlignment="1">
      <alignment horizontal="left" vertical="center" wrapText="1"/>
    </xf>
    <xf numFmtId="16" fontId="5" fillId="0" borderId="0" xfId="0" applyNumberFormat="1" applyFont="1" applyAlignment="1">
      <alignment horizontal="left" wrapText="1"/>
    </xf>
    <xf numFmtId="0" fontId="2" fillId="0" borderId="13" xfId="0" applyFont="1" applyBorder="1" applyAlignment="1">
      <alignment vertical="center" wrapText="1"/>
    </xf>
    <xf numFmtId="0" fontId="2" fillId="0" borderId="13" xfId="0" applyFont="1" applyBorder="1" applyAlignment="1">
      <alignment horizontal="center" vertical="center" wrapText="1"/>
    </xf>
    <xf numFmtId="0" fontId="2" fillId="3" borderId="13" xfId="0" applyFont="1" applyFill="1" applyBorder="1" applyAlignment="1">
      <alignment horizontal="left" vertical="top" wrapText="1"/>
    </xf>
    <xf numFmtId="0" fontId="2" fillId="3" borderId="13"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Alignment="1">
      <alignment wrapText="1"/>
    </xf>
    <xf numFmtId="16" fontId="9" fillId="0" borderId="0" xfId="0" applyNumberFormat="1" applyFont="1" applyAlignment="1">
      <alignment wrapText="1"/>
    </xf>
    <xf numFmtId="0" fontId="9" fillId="0" borderId="0" xfId="0" applyFont="1" applyAlignment="1">
      <alignment horizontal="center" vertical="center" wrapText="1"/>
    </xf>
    <xf numFmtId="49" fontId="2" fillId="2" borderId="18" xfId="0" applyNumberFormat="1" applyFont="1" applyFill="1" applyBorder="1" applyAlignment="1">
      <alignment horizontal="center" vertical="center" wrapText="1"/>
    </xf>
    <xf numFmtId="0" fontId="3" fillId="0" borderId="0" xfId="0" applyFont="1" applyAlignment="1">
      <alignment vertical="center"/>
    </xf>
    <xf numFmtId="0" fontId="10" fillId="0" borderId="0" xfId="0" applyFont="1" applyAlignment="1">
      <alignment vertical="center" wrapText="1"/>
    </xf>
    <xf numFmtId="16" fontId="5" fillId="0" borderId="0" xfId="0" applyNumberFormat="1" applyFont="1" applyAlignment="1">
      <alignment vertical="top" wrapText="1"/>
    </xf>
    <xf numFmtId="0" fontId="4" fillId="0" borderId="0" xfId="0" applyFont="1" applyAlignment="1">
      <alignment horizontal="left" vertical="top" wrapText="1"/>
    </xf>
    <xf numFmtId="0" fontId="7" fillId="2" borderId="13" xfId="5" applyFont="1" applyFill="1" applyBorder="1" applyAlignment="1">
      <alignment horizontal="right" vertical="center" wrapText="1"/>
    </xf>
    <xf numFmtId="0" fontId="11" fillId="0" borderId="0" xfId="0" applyFont="1" applyAlignment="1">
      <alignment horizontal="left" vertical="center" wrapText="1"/>
    </xf>
    <xf numFmtId="0" fontId="7" fillId="0" borderId="0" xfId="0" applyFont="1" applyAlignment="1">
      <alignment horizontal="left" vertical="center" wrapText="1"/>
    </xf>
    <xf numFmtId="0" fontId="15" fillId="0" borderId="13" xfId="0" applyFont="1" applyBorder="1" applyAlignment="1">
      <alignment horizontal="center" vertical="center" wrapText="1"/>
    </xf>
    <xf numFmtId="0" fontId="7" fillId="0" borderId="33" xfId="0" applyFont="1" applyBorder="1" applyAlignment="1">
      <alignment horizontal="center" vertical="center" wrapText="1"/>
    </xf>
    <xf numFmtId="0" fontId="2" fillId="0" borderId="54" xfId="0" applyFont="1" applyBorder="1" applyAlignment="1">
      <alignment vertical="center" wrapText="1"/>
    </xf>
    <xf numFmtId="0" fontId="2" fillId="0" borderId="55" xfId="0" applyFont="1" applyBorder="1" applyAlignment="1">
      <alignment vertical="center" wrapText="1"/>
    </xf>
    <xf numFmtId="0" fontId="7" fillId="0" borderId="65" xfId="0" applyFont="1" applyBorder="1" applyAlignment="1">
      <alignment horizontal="center" vertical="center" wrapText="1"/>
    </xf>
    <xf numFmtId="49" fontId="4" fillId="0" borderId="30" xfId="0" applyNumberFormat="1" applyFont="1" applyBorder="1" applyAlignment="1">
      <alignment horizontal="center" vertical="center" wrapText="1"/>
    </xf>
    <xf numFmtId="49" fontId="4" fillId="0" borderId="44" xfId="0" applyNumberFormat="1" applyFont="1" applyBorder="1" applyAlignment="1">
      <alignment horizontal="center" vertical="center" wrapText="1"/>
    </xf>
    <xf numFmtId="49" fontId="3" fillId="2" borderId="1" xfId="0" applyNumberFormat="1" applyFont="1" applyFill="1" applyBorder="1" applyAlignment="1">
      <alignment horizontal="left" vertical="top" wrapText="1"/>
    </xf>
    <xf numFmtId="49" fontId="3" fillId="2" borderId="16" xfId="0" applyNumberFormat="1" applyFont="1" applyFill="1" applyBorder="1" applyAlignment="1">
      <alignment horizontal="left" vertical="top" wrapText="1"/>
    </xf>
    <xf numFmtId="49" fontId="3" fillId="2" borderId="14"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17" xfId="0" applyFont="1" applyFill="1" applyBorder="1" applyAlignment="1">
      <alignment horizontal="center" vertical="top" wrapText="1"/>
    </xf>
    <xf numFmtId="0" fontId="3" fillId="2" borderId="16"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21"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3" fillId="4" borderId="0" xfId="0" applyFont="1" applyFill="1" applyAlignment="1">
      <alignment horizontal="center" vertical="center" wrapText="1"/>
    </xf>
    <xf numFmtId="0" fontId="2" fillId="0" borderId="0" xfId="0" applyFont="1" applyAlignment="1">
      <alignment horizontal="center" vertical="center" wrapText="1"/>
    </xf>
    <xf numFmtId="0" fontId="3" fillId="0" borderId="0" xfId="0" applyFont="1" applyAlignment="1">
      <alignment horizontal="center"/>
    </xf>
    <xf numFmtId="0" fontId="4" fillId="0" borderId="0" xfId="0" applyFont="1" applyAlignment="1">
      <alignment horizontal="left" vertical="center" wrapText="1"/>
    </xf>
    <xf numFmtId="0" fontId="3" fillId="0" borderId="0" xfId="0" applyFont="1" applyAlignment="1">
      <alignment horizontal="left" vertical="center" wrapText="1"/>
    </xf>
    <xf numFmtId="0" fontId="8" fillId="0" borderId="0" xfId="0" applyFont="1" applyAlignment="1">
      <alignment horizontal="left" vertical="center" wrapText="1"/>
    </xf>
    <xf numFmtId="49" fontId="2" fillId="0" borderId="24" xfId="0" applyNumberFormat="1" applyFont="1" applyBorder="1" applyAlignment="1">
      <alignment horizontal="center" vertical="center" wrapText="1"/>
    </xf>
    <xf numFmtId="49" fontId="2" fillId="0" borderId="38" xfId="0" applyNumberFormat="1" applyFont="1" applyBorder="1" applyAlignment="1">
      <alignment horizontal="center" vertical="center" wrapText="1"/>
    </xf>
    <xf numFmtId="49" fontId="2" fillId="0" borderId="65" xfId="0" applyNumberFormat="1" applyFont="1" applyBorder="1" applyAlignment="1">
      <alignment horizontal="left" vertical="center" wrapText="1"/>
    </xf>
    <xf numFmtId="49" fontId="2" fillId="0" borderId="64" xfId="0" applyNumberFormat="1" applyFont="1" applyBorder="1" applyAlignment="1">
      <alignment horizontal="left" vertical="center" wrapText="1"/>
    </xf>
    <xf numFmtId="0" fontId="10" fillId="0" borderId="0" xfId="0" applyFont="1" applyAlignment="1">
      <alignment horizontal="center" vertical="center" wrapText="1"/>
    </xf>
    <xf numFmtId="0" fontId="2" fillId="0" borderId="0" xfId="0" applyFont="1" applyAlignment="1">
      <alignment horizontal="center" vertical="top" wrapText="1"/>
    </xf>
    <xf numFmtId="16" fontId="3" fillId="0" borderId="0" xfId="0" applyNumberFormat="1" applyFont="1" applyAlignment="1">
      <alignment horizontal="left" vertical="top" wrapText="1"/>
    </xf>
    <xf numFmtId="0" fontId="4" fillId="0" borderId="0" xfId="0" applyFont="1" applyAlignment="1">
      <alignment horizontal="left" vertical="top" wrapText="1"/>
    </xf>
    <xf numFmtId="16" fontId="5" fillId="0" borderId="0" xfId="0" applyNumberFormat="1" applyFont="1" applyAlignment="1">
      <alignment horizontal="left" vertical="top" wrapText="1"/>
    </xf>
    <xf numFmtId="49" fontId="2" fillId="2" borderId="19" xfId="0" applyNumberFormat="1" applyFont="1" applyFill="1" applyBorder="1" applyAlignment="1">
      <alignment horizontal="center" vertical="center" wrapText="1"/>
    </xf>
    <xf numFmtId="49" fontId="2" fillId="2" borderId="20" xfId="0" applyNumberFormat="1" applyFont="1" applyFill="1" applyBorder="1" applyAlignment="1">
      <alignment horizontal="center" vertical="center" wrapText="1"/>
    </xf>
    <xf numFmtId="49" fontId="3" fillId="0" borderId="0" xfId="0" applyNumberFormat="1" applyFont="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4" fillId="0" borderId="5" xfId="0" applyFont="1" applyBorder="1" applyAlignment="1">
      <alignment horizontal="left" vertical="center" wrapText="1"/>
    </xf>
    <xf numFmtId="0" fontId="4" fillId="0" borderId="6" xfId="0" applyFont="1" applyBorder="1" applyAlignment="1">
      <alignment horizontal="left" vertical="center" wrapText="1"/>
    </xf>
    <xf numFmtId="0" fontId="2" fillId="0" borderId="0" xfId="0" applyFont="1" applyAlignment="1">
      <alignment horizontal="left" wrapText="1"/>
    </xf>
    <xf numFmtId="49" fontId="5" fillId="5" borderId="39" xfId="0" applyNumberFormat="1" applyFont="1" applyFill="1" applyBorder="1" applyAlignment="1">
      <alignment horizontal="left" vertical="center" wrapText="1"/>
    </xf>
    <xf numFmtId="49" fontId="5" fillId="5" borderId="0" xfId="0" applyNumberFormat="1" applyFont="1" applyFill="1" applyAlignment="1">
      <alignment horizontal="left" vertical="center" wrapText="1"/>
    </xf>
    <xf numFmtId="49" fontId="5" fillId="5" borderId="40" xfId="0" applyNumberFormat="1" applyFont="1" applyFill="1" applyBorder="1" applyAlignment="1">
      <alignment horizontal="left" vertical="center" wrapText="1"/>
    </xf>
    <xf numFmtId="49" fontId="4" fillId="0" borderId="30" xfId="0" applyNumberFormat="1" applyFont="1" applyFill="1" applyBorder="1" applyAlignment="1">
      <alignment horizontal="right" vertical="center" wrapText="1"/>
    </xf>
    <xf numFmtId="0" fontId="2" fillId="0" borderId="55" xfId="0" applyFont="1" applyFill="1" applyBorder="1" applyAlignment="1">
      <alignment vertical="center" wrapText="1"/>
    </xf>
    <xf numFmtId="0" fontId="7" fillId="0" borderId="63" xfId="0" applyFont="1" applyFill="1" applyBorder="1" applyAlignment="1">
      <alignment horizontal="center" vertical="center" wrapText="1"/>
    </xf>
    <xf numFmtId="0" fontId="7" fillId="0" borderId="33" xfId="0" applyFont="1" applyFill="1" applyBorder="1" applyAlignment="1">
      <alignment horizontal="center" vertical="center" wrapText="1"/>
    </xf>
    <xf numFmtId="49" fontId="4" fillId="0" borderId="30" xfId="0" applyNumberFormat="1" applyFont="1" applyFill="1" applyBorder="1" applyAlignment="1">
      <alignment horizontal="center" vertical="center" wrapText="1"/>
    </xf>
    <xf numFmtId="49" fontId="2" fillId="0" borderId="24" xfId="0" applyNumberFormat="1" applyFont="1" applyFill="1" applyBorder="1" applyAlignment="1">
      <alignment horizontal="center" vertical="center" wrapText="1"/>
    </xf>
    <xf numFmtId="49" fontId="2" fillId="0" borderId="38" xfId="0" applyNumberFormat="1" applyFont="1" applyFill="1" applyBorder="1" applyAlignment="1">
      <alignment horizontal="center" vertical="center" wrapText="1"/>
    </xf>
    <xf numFmtId="0" fontId="7" fillId="0" borderId="34" xfId="0" applyFont="1" applyFill="1" applyBorder="1" applyAlignment="1">
      <alignment horizontal="center" vertical="center" wrapText="1"/>
    </xf>
    <xf numFmtId="49" fontId="2" fillId="0" borderId="67" xfId="0" applyNumberFormat="1" applyFont="1" applyFill="1" applyBorder="1" applyAlignment="1">
      <alignment horizontal="center" vertical="center"/>
    </xf>
    <xf numFmtId="49" fontId="2" fillId="0" borderId="40" xfId="0" applyNumberFormat="1" applyFont="1" applyFill="1" applyBorder="1" applyAlignment="1">
      <alignment horizontal="center" vertical="center"/>
    </xf>
    <xf numFmtId="49" fontId="2" fillId="0" borderId="67" xfId="0" applyNumberFormat="1" applyFont="1" applyFill="1" applyBorder="1" applyAlignment="1">
      <alignment horizontal="center" vertical="center" wrapText="1"/>
    </xf>
    <xf numFmtId="49" fontId="2" fillId="0" borderId="40" xfId="0" applyNumberFormat="1" applyFont="1" applyFill="1" applyBorder="1" applyAlignment="1">
      <alignment horizontal="center" vertical="center" wrapText="1"/>
    </xf>
    <xf numFmtId="49" fontId="2" fillId="0" borderId="32" xfId="0" applyNumberFormat="1" applyFont="1" applyFill="1" applyBorder="1" applyAlignment="1">
      <alignment horizontal="center" vertical="center" wrapText="1"/>
    </xf>
    <xf numFmtId="49" fontId="2" fillId="0" borderId="68" xfId="0" applyNumberFormat="1" applyFont="1" applyFill="1" applyBorder="1" applyAlignment="1">
      <alignment horizontal="center" vertical="center" wrapText="1"/>
    </xf>
    <xf numFmtId="49" fontId="2" fillId="0" borderId="27" xfId="0" applyNumberFormat="1" applyFont="1" applyFill="1" applyBorder="1" applyAlignment="1">
      <alignment horizontal="left" vertical="center" wrapText="1"/>
    </xf>
    <xf numFmtId="49" fontId="2" fillId="0" borderId="41" xfId="0" applyNumberFormat="1" applyFont="1" applyFill="1" applyBorder="1" applyAlignment="1">
      <alignment horizontal="left" vertical="center" wrapText="1"/>
    </xf>
    <xf numFmtId="0" fontId="2" fillId="0" borderId="55" xfId="0" applyFont="1" applyFill="1" applyBorder="1" applyAlignment="1">
      <alignment horizontal="left" vertical="center" wrapText="1"/>
    </xf>
    <xf numFmtId="49" fontId="2" fillId="0" borderId="48" xfId="0" applyNumberFormat="1" applyFont="1" applyFill="1" applyBorder="1" applyAlignment="1">
      <alignment horizontal="center" vertical="center" wrapText="1"/>
    </xf>
    <xf numFmtId="49" fontId="2" fillId="0" borderId="51" xfId="0" applyNumberFormat="1" applyFont="1" applyFill="1" applyBorder="1" applyAlignment="1">
      <alignment horizontal="center" vertical="center" wrapText="1"/>
    </xf>
    <xf numFmtId="0" fontId="2" fillId="0" borderId="55" xfId="0" applyFont="1" applyFill="1" applyBorder="1" applyAlignment="1">
      <alignment wrapText="1"/>
    </xf>
    <xf numFmtId="0" fontId="16" fillId="0" borderId="55" xfId="0" applyFont="1" applyFill="1" applyBorder="1" applyAlignment="1">
      <alignment horizontal="left" vertical="center" wrapText="1"/>
    </xf>
    <xf numFmtId="0" fontId="7" fillId="0" borderId="28" xfId="0" applyFont="1" applyFill="1" applyBorder="1" applyAlignment="1">
      <alignment horizontal="center" vertical="center" wrapText="1"/>
    </xf>
    <xf numFmtId="0" fontId="7" fillId="0" borderId="71" xfId="0" applyFont="1" applyFill="1" applyBorder="1" applyAlignment="1">
      <alignment horizontal="center" vertical="center" wrapText="1"/>
    </xf>
    <xf numFmtId="49" fontId="2" fillId="0" borderId="46" xfId="0" applyNumberFormat="1" applyFont="1" applyFill="1" applyBorder="1" applyAlignment="1">
      <alignment horizontal="center" vertical="center" wrapText="1"/>
    </xf>
    <xf numFmtId="49" fontId="2" fillId="0" borderId="34" xfId="0" applyNumberFormat="1" applyFont="1" applyFill="1" applyBorder="1" applyAlignment="1">
      <alignment horizontal="left" vertical="center" wrapText="1"/>
    </xf>
    <xf numFmtId="49" fontId="2" fillId="0" borderId="72" xfId="0" applyNumberFormat="1" applyFont="1" applyFill="1" applyBorder="1" applyAlignment="1">
      <alignment horizontal="left" vertical="center" wrapText="1"/>
    </xf>
    <xf numFmtId="0" fontId="7" fillId="0" borderId="59" xfId="0" applyFont="1" applyFill="1" applyBorder="1" applyAlignment="1">
      <alignment horizontal="center" vertical="center" wrapText="1"/>
    </xf>
    <xf numFmtId="49" fontId="2" fillId="0" borderId="33" xfId="0" applyNumberFormat="1" applyFont="1" applyFill="1" applyBorder="1" applyAlignment="1">
      <alignment horizontal="left" vertical="center" wrapText="1"/>
    </xf>
    <xf numFmtId="49" fontId="2" fillId="0" borderId="66" xfId="0" applyNumberFormat="1" applyFont="1" applyFill="1" applyBorder="1" applyAlignment="1">
      <alignment horizontal="left" vertical="center" wrapText="1"/>
    </xf>
    <xf numFmtId="49" fontId="2" fillId="0" borderId="74" xfId="0" applyNumberFormat="1" applyFont="1" applyFill="1" applyBorder="1" applyAlignment="1">
      <alignment horizontal="left" vertical="center" wrapText="1"/>
    </xf>
    <xf numFmtId="49" fontId="2" fillId="0" borderId="73" xfId="0" applyNumberFormat="1" applyFont="1" applyFill="1" applyBorder="1" applyAlignment="1">
      <alignment horizontal="left" vertical="center" wrapText="1"/>
    </xf>
    <xf numFmtId="49" fontId="2" fillId="0" borderId="70" xfId="0" applyNumberFormat="1" applyFont="1" applyFill="1" applyBorder="1" applyAlignment="1">
      <alignment horizontal="left" vertical="center" wrapText="1"/>
    </xf>
    <xf numFmtId="49" fontId="4" fillId="0" borderId="42" xfId="0" applyNumberFormat="1" applyFont="1" applyFill="1" applyBorder="1" applyAlignment="1">
      <alignment horizontal="center" vertical="center" wrapText="1"/>
    </xf>
    <xf numFmtId="0" fontId="14" fillId="0" borderId="27" xfId="0" applyFont="1" applyFill="1" applyBorder="1" applyAlignment="1">
      <alignment vertical="center" wrapText="1"/>
    </xf>
    <xf numFmtId="0" fontId="7" fillId="0" borderId="47" xfId="0" applyFont="1" applyFill="1" applyBorder="1" applyAlignment="1">
      <alignment horizontal="center" vertical="center" wrapText="1"/>
    </xf>
    <xf numFmtId="49" fontId="5" fillId="0" borderId="56" xfId="0" applyNumberFormat="1" applyFont="1" applyFill="1" applyBorder="1" applyAlignment="1">
      <alignment horizontal="left" vertical="center" wrapText="1"/>
    </xf>
    <xf numFmtId="49" fontId="5" fillId="0" borderId="57" xfId="0" applyNumberFormat="1" applyFont="1" applyFill="1" applyBorder="1" applyAlignment="1">
      <alignment horizontal="left" vertical="center" wrapText="1"/>
    </xf>
    <xf numFmtId="49" fontId="5" fillId="0" borderId="58" xfId="0" applyNumberFormat="1" applyFont="1" applyFill="1" applyBorder="1" applyAlignment="1">
      <alignment horizontal="left" vertical="center" wrapText="1"/>
    </xf>
    <xf numFmtId="49" fontId="4" fillId="0" borderId="31" xfId="0" applyNumberFormat="1" applyFont="1" applyFill="1" applyBorder="1" applyAlignment="1">
      <alignment horizontal="center" vertical="center" wrapText="1"/>
    </xf>
    <xf numFmtId="0" fontId="2" fillId="0" borderId="54" xfId="0" applyFont="1" applyFill="1" applyBorder="1" applyAlignment="1">
      <alignment vertical="center" wrapText="1"/>
    </xf>
    <xf numFmtId="0" fontId="2" fillId="0" borderId="55" xfId="0" applyFont="1" applyFill="1" applyBorder="1" applyAlignment="1">
      <alignment vertical="center"/>
    </xf>
    <xf numFmtId="49" fontId="4" fillId="0" borderId="45" xfId="0" applyNumberFormat="1" applyFont="1" applyFill="1" applyBorder="1" applyAlignment="1">
      <alignment horizontal="center" vertical="center" wrapText="1"/>
    </xf>
    <xf numFmtId="0" fontId="2" fillId="0" borderId="60" xfId="0" applyFont="1" applyFill="1" applyBorder="1" applyAlignment="1">
      <alignment vertical="center"/>
    </xf>
    <xf numFmtId="49" fontId="2" fillId="0" borderId="75" xfId="0" applyNumberFormat="1" applyFont="1" applyFill="1" applyBorder="1" applyAlignment="1">
      <alignment horizontal="left" vertical="center" wrapText="1"/>
    </xf>
    <xf numFmtId="49" fontId="2" fillId="0" borderId="76" xfId="0" applyNumberFormat="1" applyFont="1" applyFill="1" applyBorder="1" applyAlignment="1">
      <alignment horizontal="left" vertical="center" wrapText="1"/>
    </xf>
    <xf numFmtId="49" fontId="5" fillId="0" borderId="39" xfId="1" applyNumberFormat="1" applyFont="1" applyFill="1" applyBorder="1" applyAlignment="1">
      <alignment horizontal="left" vertical="top" wrapText="1"/>
    </xf>
    <xf numFmtId="49" fontId="5" fillId="0" borderId="0" xfId="1" applyNumberFormat="1" applyFont="1" applyFill="1" applyAlignment="1">
      <alignment horizontal="left" vertical="top" wrapText="1"/>
    </xf>
    <xf numFmtId="49" fontId="5" fillId="0" borderId="0" xfId="1" applyNumberFormat="1" applyFont="1" applyFill="1" applyAlignment="1">
      <alignment horizontal="center" vertical="top" wrapText="1"/>
    </xf>
    <xf numFmtId="49" fontId="5" fillId="0" borderId="40" xfId="1" applyNumberFormat="1" applyFont="1" applyFill="1" applyBorder="1" applyAlignment="1">
      <alignment horizontal="left" vertical="center" wrapText="1"/>
    </xf>
    <xf numFmtId="0" fontId="3" fillId="0" borderId="39" xfId="0" applyFont="1" applyFill="1" applyBorder="1" applyAlignment="1">
      <alignment horizontal="center" vertical="center" wrapText="1"/>
    </xf>
    <xf numFmtId="0" fontId="3" fillId="0" borderId="0" xfId="0" applyFont="1" applyFill="1" applyAlignment="1">
      <alignment horizontal="center" vertical="center" wrapText="1"/>
    </xf>
    <xf numFmtId="0" fontId="3" fillId="0" borderId="40" xfId="0" applyFont="1" applyFill="1" applyBorder="1" applyAlignment="1">
      <alignment horizontal="center" vertical="center" wrapText="1"/>
    </xf>
    <xf numFmtId="0" fontId="2" fillId="0" borderId="39" xfId="0" applyFont="1" applyFill="1" applyBorder="1" applyAlignment="1">
      <alignment horizontal="left" vertical="center" wrapText="1"/>
    </xf>
    <xf numFmtId="0" fontId="2" fillId="0" borderId="0" xfId="0" applyFont="1" applyFill="1" applyAlignment="1">
      <alignment vertical="center" wrapText="1"/>
    </xf>
    <xf numFmtId="0" fontId="2" fillId="0" borderId="0" xfId="0" applyFont="1" applyFill="1" applyAlignment="1">
      <alignment horizontal="center" vertical="center" wrapText="1"/>
    </xf>
    <xf numFmtId="0" fontId="2" fillId="0" borderId="40" xfId="0" applyFont="1" applyFill="1" applyBorder="1" applyAlignment="1">
      <alignment horizontal="center" vertical="center" wrapText="1"/>
    </xf>
    <xf numFmtId="49" fontId="2" fillId="0" borderId="80" xfId="0" applyNumberFormat="1" applyFont="1" applyFill="1" applyBorder="1" applyAlignment="1">
      <alignment horizontal="center" vertical="center" wrapText="1"/>
    </xf>
    <xf numFmtId="0" fontId="18" fillId="0" borderId="65" xfId="0" applyFont="1" applyFill="1" applyBorder="1" applyAlignment="1">
      <alignment horizontal="left" vertical="center" wrapText="1"/>
    </xf>
    <xf numFmtId="0" fontId="7" fillId="0" borderId="53" xfId="0" applyFont="1" applyFill="1" applyBorder="1" applyAlignment="1">
      <alignment horizontal="center" vertical="center" wrapText="1"/>
    </xf>
    <xf numFmtId="0" fontId="2" fillId="0" borderId="35" xfId="0" applyFont="1" applyFill="1" applyBorder="1" applyAlignment="1">
      <alignment horizontal="left" vertical="center" wrapText="1"/>
    </xf>
    <xf numFmtId="0" fontId="2" fillId="0" borderId="69" xfId="0" applyFont="1" applyFill="1" applyBorder="1" applyAlignment="1">
      <alignment horizontal="left" vertical="center" wrapText="1"/>
    </xf>
    <xf numFmtId="49" fontId="2" fillId="0" borderId="9" xfId="0" applyNumberFormat="1" applyFont="1" applyFill="1" applyBorder="1" applyAlignment="1">
      <alignment horizontal="center" vertical="center" wrapText="1"/>
    </xf>
    <xf numFmtId="0" fontId="4" fillId="0" borderId="27" xfId="0" applyFont="1" applyFill="1" applyBorder="1" applyAlignment="1">
      <alignment horizontal="left" vertical="center" wrapText="1"/>
    </xf>
    <xf numFmtId="0" fontId="2" fillId="0" borderId="24" xfId="0" applyFont="1" applyFill="1" applyBorder="1" applyAlignment="1">
      <alignment horizontal="left" vertical="center" wrapText="1"/>
    </xf>
    <xf numFmtId="0" fontId="2" fillId="0" borderId="38" xfId="0" applyFont="1" applyFill="1" applyBorder="1" applyAlignment="1">
      <alignment horizontal="left" vertical="center" wrapText="1"/>
    </xf>
    <xf numFmtId="49" fontId="2" fillId="0" borderId="9" xfId="0" applyNumberFormat="1" applyFont="1" applyFill="1" applyBorder="1" applyAlignment="1">
      <alignment horizontal="right" vertical="center" wrapText="1"/>
    </xf>
    <xf numFmtId="0" fontId="4" fillId="0" borderId="33" xfId="0" applyFont="1" applyFill="1" applyBorder="1" applyAlignment="1">
      <alignment horizontal="left" vertical="center" wrapText="1"/>
    </xf>
    <xf numFmtId="49" fontId="2" fillId="0" borderId="8" xfId="0" applyNumberFormat="1" applyFont="1" applyFill="1" applyBorder="1" applyAlignment="1">
      <alignment horizontal="right" vertical="center" wrapText="1"/>
    </xf>
    <xf numFmtId="0" fontId="2" fillId="0" borderId="27" xfId="0" applyFont="1" applyFill="1" applyBorder="1" applyAlignment="1">
      <alignment vertical="center" wrapText="1"/>
    </xf>
    <xf numFmtId="49" fontId="2" fillId="0" borderId="79" xfId="0" applyNumberFormat="1" applyFont="1" applyFill="1" applyBorder="1" applyAlignment="1">
      <alignment horizontal="right" vertical="center" wrapText="1"/>
    </xf>
    <xf numFmtId="0" fontId="2" fillId="0" borderId="26" xfId="0" applyFont="1" applyFill="1" applyBorder="1" applyAlignment="1">
      <alignment horizontal="left" vertical="center" wrapText="1"/>
    </xf>
    <xf numFmtId="0" fontId="2" fillId="0" borderId="36" xfId="0" applyFont="1" applyFill="1" applyBorder="1" applyAlignment="1">
      <alignment horizontal="left" vertical="center" wrapText="1"/>
    </xf>
    <xf numFmtId="49" fontId="2" fillId="0" borderId="8" xfId="0" applyNumberFormat="1" applyFont="1" applyFill="1" applyBorder="1" applyAlignment="1">
      <alignment horizontal="center" vertical="center" wrapText="1"/>
    </xf>
    <xf numFmtId="49" fontId="2" fillId="0" borderId="79" xfId="0" applyNumberFormat="1" applyFont="1" applyFill="1" applyBorder="1" applyAlignment="1">
      <alignment horizontal="center" vertical="center" wrapText="1"/>
    </xf>
    <xf numFmtId="0" fontId="2" fillId="0" borderId="67" xfId="0" applyFont="1" applyFill="1" applyBorder="1" applyAlignment="1">
      <alignment horizontal="left" vertical="center" wrapText="1"/>
    </xf>
    <xf numFmtId="0" fontId="2" fillId="0" borderId="40" xfId="0" applyFont="1" applyFill="1" applyBorder="1" applyAlignment="1">
      <alignment horizontal="left" vertical="center" wrapText="1"/>
    </xf>
    <xf numFmtId="0" fontId="2" fillId="0" borderId="33" xfId="0" applyFont="1" applyFill="1" applyBorder="1" applyAlignment="1">
      <alignment horizontal="left" vertical="center" wrapText="1"/>
    </xf>
    <xf numFmtId="0" fontId="4" fillId="0" borderId="70" xfId="0" applyFont="1" applyFill="1" applyBorder="1" applyAlignment="1">
      <alignment horizontal="left" vertical="center" wrapText="1"/>
    </xf>
    <xf numFmtId="0" fontId="2" fillId="0" borderId="27" xfId="0" applyFont="1" applyFill="1" applyBorder="1" applyAlignment="1">
      <alignment horizontal="left" vertical="center" wrapText="1"/>
    </xf>
    <xf numFmtId="0" fontId="7" fillId="0" borderId="62" xfId="0" applyFont="1" applyFill="1" applyBorder="1" applyAlignment="1">
      <alignment horizontal="center" vertical="center" wrapText="1"/>
    </xf>
    <xf numFmtId="49" fontId="2" fillId="0" borderId="49" xfId="0" applyNumberFormat="1" applyFont="1" applyFill="1" applyBorder="1" applyAlignment="1">
      <alignment horizontal="center" vertical="center" wrapText="1"/>
    </xf>
    <xf numFmtId="0" fontId="2" fillId="0" borderId="33" xfId="0" applyFont="1" applyFill="1" applyBorder="1" applyAlignment="1">
      <alignment vertical="center" wrapText="1"/>
    </xf>
    <xf numFmtId="0" fontId="2" fillId="0" borderId="34" xfId="0" applyFont="1" applyFill="1" applyBorder="1" applyAlignment="1">
      <alignment vertical="center" wrapText="1"/>
    </xf>
    <xf numFmtId="49" fontId="2" fillId="0" borderId="25" xfId="0" applyNumberFormat="1" applyFont="1" applyFill="1" applyBorder="1" applyAlignment="1">
      <alignment horizontal="center" vertical="center" wrapText="1"/>
    </xf>
    <xf numFmtId="0" fontId="4" fillId="0" borderId="28" xfId="0" applyFont="1" applyFill="1" applyBorder="1" applyAlignment="1">
      <alignment horizontal="left" vertical="center" wrapText="1"/>
    </xf>
    <xf numFmtId="49" fontId="2" fillId="0" borderId="52" xfId="0" applyNumberFormat="1" applyFont="1" applyFill="1" applyBorder="1" applyAlignment="1">
      <alignment horizontal="center" vertical="center" wrapText="1"/>
    </xf>
    <xf numFmtId="0" fontId="4" fillId="0" borderId="29" xfId="0" applyFont="1" applyFill="1" applyBorder="1" applyAlignment="1">
      <alignment horizontal="left" vertical="center" wrapText="1"/>
    </xf>
    <xf numFmtId="0" fontId="7" fillId="0" borderId="61" xfId="0" applyFont="1" applyFill="1" applyBorder="1" applyAlignment="1">
      <alignment horizontal="center" vertical="center" wrapText="1"/>
    </xf>
    <xf numFmtId="0" fontId="2" fillId="0" borderId="23" xfId="0" applyFont="1" applyFill="1" applyBorder="1" applyAlignment="1">
      <alignment horizontal="left" vertical="center" wrapText="1"/>
    </xf>
    <xf numFmtId="0" fontId="2" fillId="0" borderId="37" xfId="0" applyFont="1" applyFill="1" applyBorder="1" applyAlignment="1">
      <alignment horizontal="left" vertical="center" wrapText="1"/>
    </xf>
    <xf numFmtId="0" fontId="18" fillId="0" borderId="70" xfId="0" applyFont="1" applyFill="1" applyBorder="1" applyAlignment="1">
      <alignment horizontal="left" vertical="center" wrapText="1"/>
    </xf>
    <xf numFmtId="0" fontId="2" fillId="0" borderId="32" xfId="0" applyFont="1" applyFill="1" applyBorder="1" applyAlignment="1">
      <alignment horizontal="left" vertical="center" wrapText="1"/>
    </xf>
    <xf numFmtId="0" fontId="2" fillId="0" borderId="68" xfId="0" applyFont="1" applyFill="1" applyBorder="1" applyAlignment="1">
      <alignment horizontal="left" vertical="center" wrapText="1"/>
    </xf>
    <xf numFmtId="0" fontId="18" fillId="0" borderId="33" xfId="0" applyFont="1" applyFill="1" applyBorder="1" applyAlignment="1">
      <alignment horizontal="left" vertical="center" wrapText="1"/>
    </xf>
    <xf numFmtId="0" fontId="7" fillId="0" borderId="70" xfId="0" applyFont="1" applyFill="1" applyBorder="1" applyAlignment="1">
      <alignment horizontal="center" vertical="center" wrapText="1"/>
    </xf>
    <xf numFmtId="49" fontId="2" fillId="0" borderId="39" xfId="0" applyNumberFormat="1" applyFont="1" applyFill="1" applyBorder="1" applyAlignment="1">
      <alignment horizontal="center" vertical="center" wrapText="1"/>
    </xf>
    <xf numFmtId="49" fontId="2" fillId="0" borderId="12" xfId="0" applyNumberFormat="1" applyFont="1" applyFill="1" applyBorder="1" applyAlignment="1">
      <alignment horizontal="center" vertical="center" wrapText="1"/>
    </xf>
    <xf numFmtId="49" fontId="2" fillId="0" borderId="75" xfId="0" applyNumberFormat="1" applyFont="1" applyFill="1" applyBorder="1" applyAlignment="1">
      <alignment horizontal="left" vertical="center" wrapText="1"/>
    </xf>
    <xf numFmtId="0" fontId="2" fillId="0" borderId="77" xfId="0" applyFont="1" applyFill="1" applyBorder="1" applyAlignment="1">
      <alignment horizontal="left" vertical="center" wrapText="1"/>
    </xf>
    <xf numFmtId="0" fontId="2" fillId="0" borderId="78" xfId="0" applyFont="1" applyFill="1" applyBorder="1" applyAlignment="1">
      <alignment horizontal="left" vertical="center" wrapText="1"/>
    </xf>
    <xf numFmtId="49" fontId="5" fillId="0" borderId="0" xfId="1" applyNumberFormat="1" applyFont="1" applyFill="1" applyAlignment="1">
      <alignment horizontal="left" vertical="center" wrapText="1"/>
    </xf>
    <xf numFmtId="0" fontId="3" fillId="0" borderId="48" xfId="0" applyFont="1" applyFill="1" applyBorder="1" applyAlignment="1">
      <alignment horizontal="left" vertical="center" wrapText="1"/>
    </xf>
    <xf numFmtId="0" fontId="7" fillId="0" borderId="43" xfId="0" applyFont="1" applyFill="1" applyBorder="1" applyAlignment="1">
      <alignment horizontal="center" vertical="center" wrapText="1"/>
    </xf>
    <xf numFmtId="0" fontId="2" fillId="0" borderId="50" xfId="0" applyFont="1" applyFill="1" applyBorder="1" applyAlignment="1">
      <alignment horizontal="center" vertical="center" wrapText="1"/>
    </xf>
    <xf numFmtId="0" fontId="2" fillId="0" borderId="51" xfId="0" applyFont="1" applyFill="1" applyBorder="1" applyAlignment="1">
      <alignment horizontal="center" vertical="center" wrapText="1"/>
    </xf>
    <xf numFmtId="0" fontId="2" fillId="0" borderId="47" xfId="0" applyFont="1" applyFill="1" applyBorder="1" applyAlignment="1">
      <alignment horizontal="left" vertical="center" wrapText="1"/>
    </xf>
    <xf numFmtId="0" fontId="7" fillId="0" borderId="18" xfId="0" applyFont="1" applyFill="1" applyBorder="1" applyAlignment="1">
      <alignment horizontal="center" vertical="center" wrapText="1"/>
    </xf>
    <xf numFmtId="0" fontId="2" fillId="0" borderId="21" xfId="0" applyFont="1" applyFill="1" applyBorder="1" applyAlignment="1">
      <alignment horizontal="left" vertical="center" wrapText="1"/>
    </xf>
    <xf numFmtId="0" fontId="2" fillId="0" borderId="4" xfId="0" applyFont="1" applyFill="1" applyBorder="1" applyAlignment="1">
      <alignment horizontal="left" vertical="center" wrapText="1"/>
    </xf>
    <xf numFmtId="49" fontId="4" fillId="0" borderId="0" xfId="1" applyNumberFormat="1" applyFill="1" applyAlignment="1">
      <alignment horizontal="left" vertical="top" wrapText="1"/>
    </xf>
    <xf numFmtId="0" fontId="6" fillId="0" borderId="0" xfId="4" applyFont="1" applyFill="1" applyAlignment="1">
      <alignment horizontal="left" vertical="center" wrapText="1"/>
    </xf>
    <xf numFmtId="0" fontId="2" fillId="0" borderId="0" xfId="0" applyFont="1" applyFill="1" applyAlignment="1">
      <alignment vertical="top" wrapText="1"/>
    </xf>
    <xf numFmtId="0" fontId="7" fillId="0" borderId="0" xfId="5" applyFont="1" applyFill="1" applyAlignment="1">
      <alignment horizontal="right" vertical="center" wrapText="1"/>
    </xf>
    <xf numFmtId="0" fontId="11" fillId="0" borderId="0" xfId="0" applyFont="1" applyFill="1" applyAlignment="1">
      <alignment horizontal="left" vertical="center" wrapText="1"/>
    </xf>
    <xf numFmtId="0" fontId="10" fillId="0" borderId="0" xfId="0" applyFont="1" applyFill="1" applyAlignment="1">
      <alignment vertical="center" wrapText="1"/>
    </xf>
    <xf numFmtId="0" fontId="7" fillId="0" borderId="0" xfId="0" applyFont="1" applyFill="1" applyAlignment="1">
      <alignment horizontal="left" vertical="center" wrapText="1"/>
    </xf>
    <xf numFmtId="49" fontId="2" fillId="0" borderId="0" xfId="0" applyNumberFormat="1" applyFont="1" applyFill="1" applyAlignment="1">
      <alignment vertical="center" wrapText="1"/>
    </xf>
    <xf numFmtId="49" fontId="7" fillId="0" borderId="0" xfId="5" applyNumberFormat="1" applyFont="1" applyFill="1" applyAlignment="1">
      <alignment wrapText="1"/>
    </xf>
    <xf numFmtId="0" fontId="7" fillId="0" borderId="0" xfId="5" applyFont="1" applyFill="1" applyAlignment="1">
      <alignment wrapText="1"/>
    </xf>
    <xf numFmtId="49" fontId="2" fillId="0" borderId="0" xfId="0" applyNumberFormat="1" applyFont="1" applyFill="1" applyAlignment="1">
      <alignment vertical="top" wrapText="1"/>
    </xf>
    <xf numFmtId="0" fontId="11" fillId="0" borderId="0" xfId="5" applyFont="1" applyFill="1" applyAlignment="1">
      <alignment horizontal="center" vertical="center" wrapText="1"/>
    </xf>
    <xf numFmtId="0" fontId="7" fillId="0" borderId="0" xfId="5" applyFont="1" applyFill="1" applyAlignment="1">
      <alignment horizontal="center" vertical="top" wrapText="1"/>
    </xf>
    <xf numFmtId="0" fontId="2" fillId="0" borderId="0" xfId="0" applyFont="1" applyFill="1" applyAlignment="1">
      <alignment wrapText="1"/>
    </xf>
    <xf numFmtId="0" fontId="2" fillId="0" borderId="0" xfId="0" applyFont="1" applyFill="1" applyAlignment="1">
      <alignment horizontal="center" wrapText="1"/>
    </xf>
    <xf numFmtId="0" fontId="7" fillId="0" borderId="0" xfId="0" applyFont="1" applyFill="1" applyAlignment="1">
      <alignment horizontal="right" wrapText="1"/>
    </xf>
    <xf numFmtId="0" fontId="11" fillId="0" borderId="0" xfId="0" applyFont="1" applyFill="1" applyAlignment="1">
      <alignment horizontal="left" wrapText="1"/>
    </xf>
    <xf numFmtId="0" fontId="7" fillId="0" borderId="0" xfId="0" applyFont="1" applyFill="1" applyAlignment="1">
      <alignment horizontal="right"/>
    </xf>
    <xf numFmtId="0" fontId="12" fillId="0" borderId="7" xfId="0" applyFont="1" applyFill="1" applyBorder="1" applyAlignment="1">
      <alignment horizontal="center"/>
    </xf>
    <xf numFmtId="0" fontId="7" fillId="0" borderId="0" xfId="0" applyFont="1" applyFill="1" applyAlignment="1">
      <alignment horizontal="right" vertical="top" wrapText="1"/>
    </xf>
    <xf numFmtId="14" fontId="11" fillId="0" borderId="0" xfId="0" applyNumberFormat="1" applyFont="1" applyFill="1" applyAlignment="1">
      <alignment horizontal="left" vertical="top" wrapText="1"/>
    </xf>
    <xf numFmtId="0" fontId="7" fillId="0" borderId="0" xfId="0" applyFont="1" applyFill="1" applyAlignment="1">
      <alignment wrapText="1"/>
    </xf>
    <xf numFmtId="0" fontId="12" fillId="0" borderId="22" xfId="0" applyFont="1" applyFill="1" applyBorder="1" applyAlignment="1">
      <alignment wrapText="1"/>
    </xf>
    <xf numFmtId="0" fontId="7" fillId="0" borderId="0" xfId="0" applyFont="1" applyFill="1" applyAlignment="1">
      <alignment horizontal="right" vertical="center"/>
    </xf>
    <xf numFmtId="0" fontId="7" fillId="0" borderId="0" xfId="0" applyFont="1" applyFill="1" applyAlignment="1">
      <alignment horizontal="right" vertical="center" wrapText="1"/>
    </xf>
    <xf numFmtId="49" fontId="19" fillId="0" borderId="24" xfId="0" applyNumberFormat="1" applyFont="1" applyFill="1" applyBorder="1" applyAlignment="1">
      <alignment horizontal="center" vertical="center" wrapText="1"/>
    </xf>
    <xf numFmtId="49" fontId="17" fillId="0" borderId="38" xfId="0" applyNumberFormat="1" applyFont="1" applyFill="1" applyBorder="1" applyAlignment="1">
      <alignment horizontal="center" vertical="center" wrapText="1"/>
    </xf>
    <xf numFmtId="49" fontId="19" fillId="0" borderId="38" xfId="0" applyNumberFormat="1" applyFont="1" applyFill="1" applyBorder="1" applyAlignment="1">
      <alignment horizontal="center" vertical="center" wrapText="1"/>
    </xf>
    <xf numFmtId="49" fontId="20" fillId="5" borderId="10" xfId="0" applyNumberFormat="1" applyFont="1" applyFill="1" applyBorder="1" applyAlignment="1">
      <alignment horizontal="left" vertical="center" wrapText="1"/>
    </xf>
    <xf numFmtId="49" fontId="20" fillId="5" borderId="15" xfId="0" applyNumberFormat="1" applyFont="1" applyFill="1" applyBorder="1" applyAlignment="1">
      <alignment horizontal="left" vertical="center" wrapText="1"/>
    </xf>
    <xf numFmtId="49" fontId="20" fillId="5" borderId="11" xfId="0" applyNumberFormat="1" applyFont="1" applyFill="1" applyBorder="1" applyAlignment="1">
      <alignment horizontal="left" vertical="center" wrapText="1"/>
    </xf>
  </cellXfs>
  <cellStyles count="6">
    <cellStyle name="Normálna 2" xfId="2"/>
    <cellStyle name="Normálne" xfId="0" builtinId="0"/>
    <cellStyle name="Normálne 2" xfId="3"/>
    <cellStyle name="normálne 2 2" xfId="1"/>
    <cellStyle name="normálne 2 2 2" xfId="4"/>
    <cellStyle name="Normálne 4" xfId="5"/>
  </cellStyles>
  <dxfs count="5">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276225</xdr:colOff>
          <xdr:row>25</xdr:row>
          <xdr:rowOff>28575</xdr:rowOff>
        </xdr:from>
        <xdr:to>
          <xdr:col>0</xdr:col>
          <xdr:colOff>533400</xdr:colOff>
          <xdr:row>26</xdr:row>
          <xdr:rowOff>0</xdr:rowOff>
        </xdr:to>
        <xdr:sp macro="" textlink="">
          <xdr:nvSpPr>
            <xdr:cNvPr id="8195" name="Check Box 3" hidden="1">
              <a:extLst>
                <a:ext uri="{63B3BB69-23CF-44E3-9099-C40C66FF867C}">
                  <a14:compatExt spid="_x0000_s8195"/>
                </a:ext>
                <a:ext uri="{FF2B5EF4-FFF2-40B4-BE49-F238E27FC236}">
                  <a16:creationId xmlns=""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26</xdr:row>
          <xdr:rowOff>28575</xdr:rowOff>
        </xdr:from>
        <xdr:to>
          <xdr:col>0</xdr:col>
          <xdr:colOff>542925</xdr:colOff>
          <xdr:row>27</xdr:row>
          <xdr:rowOff>0</xdr:rowOff>
        </xdr:to>
        <xdr:sp macro="" textlink="">
          <xdr:nvSpPr>
            <xdr:cNvPr id="8196" name="Check Box 4" hidden="1">
              <a:extLst>
                <a:ext uri="{63B3BB69-23CF-44E3-9099-C40C66FF867C}">
                  <a14:compatExt spid="_x0000_s8196"/>
                </a:ext>
                <a:ext uri="{FF2B5EF4-FFF2-40B4-BE49-F238E27FC236}">
                  <a16:creationId xmlns=""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32</xdr:row>
          <xdr:rowOff>38100</xdr:rowOff>
        </xdr:from>
        <xdr:to>
          <xdr:col>0</xdr:col>
          <xdr:colOff>533400</xdr:colOff>
          <xdr:row>33</xdr:row>
          <xdr:rowOff>0</xdr:rowOff>
        </xdr:to>
        <xdr:sp macro="" textlink="">
          <xdr:nvSpPr>
            <xdr:cNvPr id="8197" name="Check Box 5" hidden="1">
              <a:extLst>
                <a:ext uri="{63B3BB69-23CF-44E3-9099-C40C66FF867C}">
                  <a14:compatExt spid="_x0000_s8197"/>
                </a:ext>
                <a:ext uri="{FF2B5EF4-FFF2-40B4-BE49-F238E27FC236}">
                  <a16:creationId xmlns=""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33</xdr:row>
          <xdr:rowOff>0</xdr:rowOff>
        </xdr:from>
        <xdr:to>
          <xdr:col>0</xdr:col>
          <xdr:colOff>523875</xdr:colOff>
          <xdr:row>33</xdr:row>
          <xdr:rowOff>219075</xdr:rowOff>
        </xdr:to>
        <xdr:sp macro="" textlink="">
          <xdr:nvSpPr>
            <xdr:cNvPr id="8198" name="Check Box 6" hidden="1">
              <a:extLst>
                <a:ext uri="{63B3BB69-23CF-44E3-9099-C40C66FF867C}">
                  <a14:compatExt spid="_x0000_s8198"/>
                </a:ext>
                <a:ext uri="{FF2B5EF4-FFF2-40B4-BE49-F238E27FC236}">
                  <a16:creationId xmlns=""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4.xml"/><Relationship Id="rId3" Type="http://schemas.openxmlformats.org/officeDocument/2006/relationships/drawing" Target="../drawings/drawing1.xml"/><Relationship Id="rId7" Type="http://schemas.openxmlformats.org/officeDocument/2006/relationships/ctrlProp" Target="../ctrlProps/ctrlProp3.xml"/><Relationship Id="rId2" Type="http://schemas.openxmlformats.org/officeDocument/2006/relationships/printerSettings" Target="../printerSettings/printerSettings1.bin"/><Relationship Id="rId1" Type="http://schemas.openxmlformats.org/officeDocument/2006/relationships/hyperlink" Target="https://www.epi.sk/zz/2022-518/znenie-20231201" TargetMode="External"/><Relationship Id="rId6" Type="http://schemas.openxmlformats.org/officeDocument/2006/relationships/ctrlProp" Target="../ctrlProps/ctrlProp2.xml"/><Relationship Id="rId5" Type="http://schemas.openxmlformats.org/officeDocument/2006/relationships/ctrlProp" Target="../ctrlProps/ctrlProp1.xml"/><Relationship Id="rId4" Type="http://schemas.openxmlformats.org/officeDocument/2006/relationships/vmlDrawing" Target="../drawings/vmlDrawing1.v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I169"/>
  <sheetViews>
    <sheetView showGridLines="0" tabSelected="1" topLeftCell="A11" zoomScaleNormal="100" workbookViewId="0">
      <selection activeCell="Q158" sqref="Q158"/>
    </sheetView>
  </sheetViews>
  <sheetFormatPr defaultColWidth="9.140625" defaultRowHeight="12.75" x14ac:dyDescent="0.2"/>
  <cols>
    <col min="1" max="1" width="12.5703125" style="1" customWidth="1"/>
    <col min="2" max="2" width="76.28515625" style="1" customWidth="1"/>
    <col min="3" max="3" width="16.42578125" style="6" customWidth="1"/>
    <col min="4" max="4" width="13.7109375" style="6" customWidth="1"/>
    <col min="5" max="5" width="46.7109375" style="2" customWidth="1"/>
    <col min="6" max="6" width="17.140625" style="1" customWidth="1"/>
    <col min="7" max="7" width="13.140625" style="1" customWidth="1"/>
    <col min="8" max="8" width="9.140625" style="1" customWidth="1"/>
    <col min="9" max="16384" width="9.140625" style="1"/>
  </cols>
  <sheetData>
    <row r="1" spans="1:5" ht="24" customHeight="1" x14ac:dyDescent="0.2">
      <c r="A1" s="45" t="s">
        <v>43</v>
      </c>
      <c r="B1" s="45"/>
      <c r="C1" s="45"/>
      <c r="D1" s="45"/>
      <c r="E1" s="45"/>
    </row>
    <row r="2" spans="1:5" ht="27.75" customHeight="1" x14ac:dyDescent="0.2">
      <c r="A2" s="44" t="s">
        <v>41</v>
      </c>
      <c r="B2" s="44"/>
      <c r="C2" s="44"/>
      <c r="D2" s="44"/>
      <c r="E2" s="44"/>
    </row>
    <row r="3" spans="1:5" ht="56.1" customHeight="1" x14ac:dyDescent="0.2">
      <c r="A3" s="54" t="s">
        <v>47</v>
      </c>
      <c r="B3" s="54"/>
      <c r="C3" s="54"/>
      <c r="D3" s="54"/>
      <c r="E3" s="54"/>
    </row>
    <row r="4" spans="1:5" ht="24.95" customHeight="1" x14ac:dyDescent="0.2">
      <c r="A4" s="24" t="s">
        <v>46</v>
      </c>
      <c r="B4" s="25"/>
      <c r="C4" s="5"/>
      <c r="D4" s="5"/>
      <c r="E4" s="5"/>
    </row>
    <row r="5" spans="1:5" ht="24.95" customHeight="1" x14ac:dyDescent="0.2">
      <c r="A5" s="24" t="s">
        <v>44</v>
      </c>
      <c r="B5" s="26"/>
      <c r="C5" s="5"/>
      <c r="D5" s="5"/>
      <c r="E5" s="5"/>
    </row>
    <row r="6" spans="1:5" ht="5.0999999999999996" customHeight="1" x14ac:dyDescent="0.2">
      <c r="A6" s="5"/>
      <c r="B6" s="5"/>
      <c r="C6" s="5"/>
      <c r="D6" s="5"/>
      <c r="E6" s="5"/>
    </row>
    <row r="7" spans="1:5" s="2" customFormat="1" ht="20.100000000000001" customHeight="1" x14ac:dyDescent="0.25">
      <c r="A7" s="43" t="s">
        <v>4</v>
      </c>
      <c r="B7" s="43"/>
      <c r="C7" s="43"/>
      <c r="D7" s="43"/>
      <c r="E7" s="43"/>
    </row>
    <row r="8" spans="1:5" s="2" customFormat="1" ht="20.100000000000001" customHeight="1" x14ac:dyDescent="0.25">
      <c r="A8" s="55" t="s">
        <v>8</v>
      </c>
      <c r="B8" s="55"/>
      <c r="C8" s="55"/>
      <c r="D8" s="55"/>
      <c r="E8" s="55"/>
    </row>
    <row r="9" spans="1:5" ht="24.95" customHeight="1" x14ac:dyDescent="0.2">
      <c r="A9" s="56" t="s">
        <v>142</v>
      </c>
      <c r="B9" s="56"/>
      <c r="C9" s="56"/>
      <c r="D9" s="56"/>
      <c r="E9" s="56"/>
    </row>
    <row r="10" spans="1:5" ht="4.5" customHeight="1" x14ac:dyDescent="0.2">
      <c r="A10" s="23"/>
      <c r="B10" s="23"/>
      <c r="C10" s="23"/>
      <c r="D10" s="23"/>
      <c r="E10" s="23"/>
    </row>
    <row r="11" spans="1:5" s="2" customFormat="1" ht="20.100000000000001" customHeight="1" x14ac:dyDescent="0.25">
      <c r="A11" s="57" t="s">
        <v>9</v>
      </c>
      <c r="B11" s="57"/>
      <c r="C11" s="57"/>
      <c r="D11" s="57"/>
      <c r="E11" s="57"/>
    </row>
    <row r="12" spans="1:5" s="2" customFormat="1" ht="24.95" customHeight="1" x14ac:dyDescent="0.2">
      <c r="A12" s="46" t="s">
        <v>149</v>
      </c>
      <c r="B12" s="46"/>
      <c r="C12" s="46"/>
      <c r="D12" s="9"/>
      <c r="E12" s="9"/>
    </row>
    <row r="13" spans="1:5" s="2" customFormat="1" ht="24.95" customHeight="1" x14ac:dyDescent="0.2">
      <c r="A13" s="46" t="s">
        <v>148</v>
      </c>
      <c r="B13" s="46"/>
      <c r="C13" s="46"/>
      <c r="D13" s="9"/>
      <c r="E13" s="9"/>
    </row>
    <row r="14" spans="1:5" s="2" customFormat="1" ht="24.95" customHeight="1" x14ac:dyDescent="0.2">
      <c r="A14" s="46" t="s">
        <v>150</v>
      </c>
      <c r="B14" s="46"/>
      <c r="C14" s="46"/>
      <c r="D14" s="9"/>
      <c r="E14" s="9"/>
    </row>
    <row r="15" spans="1:5" s="3" customFormat="1" ht="20.100000000000001" customHeight="1" x14ac:dyDescent="0.25">
      <c r="A15" s="56" t="s">
        <v>152</v>
      </c>
      <c r="B15" s="56"/>
      <c r="C15" s="56"/>
      <c r="D15" s="14"/>
      <c r="E15" s="15"/>
    </row>
    <row r="16" spans="1:5" ht="4.5" customHeight="1" x14ac:dyDescent="0.2">
      <c r="A16" s="23"/>
      <c r="B16" s="23"/>
      <c r="C16" s="23"/>
      <c r="D16" s="23"/>
      <c r="E16" s="23"/>
    </row>
    <row r="17" spans="1:9" x14ac:dyDescent="0.2">
      <c r="A17" s="22" t="s">
        <v>10</v>
      </c>
      <c r="B17" s="16"/>
      <c r="C17" s="16"/>
      <c r="D17" s="17"/>
      <c r="E17" s="17"/>
    </row>
    <row r="18" spans="1:9" s="3" customFormat="1" ht="24.95" customHeight="1" x14ac:dyDescent="0.25">
      <c r="A18" s="56" t="s">
        <v>50</v>
      </c>
      <c r="B18" s="56"/>
      <c r="C18" s="56"/>
      <c r="D18" s="14"/>
      <c r="E18" s="15"/>
    </row>
    <row r="19" spans="1:9" ht="5.0999999999999996" customHeight="1" x14ac:dyDescent="0.2">
      <c r="A19" s="65"/>
      <c r="B19" s="65"/>
      <c r="C19" s="65"/>
      <c r="E19" s="7"/>
    </row>
    <row r="20" spans="1:9" s="2" customFormat="1" ht="20.100000000000001" customHeight="1" x14ac:dyDescent="0.25">
      <c r="A20" s="43" t="s">
        <v>21</v>
      </c>
      <c r="B20" s="43"/>
      <c r="C20" s="43"/>
      <c r="D20" s="43"/>
      <c r="E20" s="43"/>
    </row>
    <row r="21" spans="1:9" ht="24.95" customHeight="1" x14ac:dyDescent="0.2">
      <c r="A21" s="46" t="s">
        <v>151</v>
      </c>
      <c r="B21" s="46"/>
      <c r="C21" s="46"/>
      <c r="D21" s="46"/>
      <c r="E21" s="46"/>
      <c r="I21" s="2"/>
    </row>
    <row r="22" spans="1:9" ht="5.0999999999999996" customHeight="1" x14ac:dyDescent="0.2">
      <c r="A22" s="65"/>
      <c r="B22" s="65"/>
      <c r="C22" s="65"/>
      <c r="E22" s="7"/>
    </row>
    <row r="23" spans="1:9" s="2" customFormat="1" ht="20.100000000000001" customHeight="1" x14ac:dyDescent="0.25">
      <c r="A23" s="43" t="s">
        <v>22</v>
      </c>
      <c r="B23" s="43"/>
      <c r="C23" s="43"/>
      <c r="D23" s="43"/>
      <c r="E23" s="43"/>
    </row>
    <row r="24" spans="1:9" s="2" customFormat="1" ht="20.100000000000001" customHeight="1" x14ac:dyDescent="0.25">
      <c r="A24" s="60" t="s">
        <v>5</v>
      </c>
      <c r="B24" s="60"/>
      <c r="C24" s="60"/>
      <c r="D24" s="60"/>
      <c r="E24" s="60"/>
    </row>
    <row r="25" spans="1:9" s="2" customFormat="1" ht="20.100000000000001" customHeight="1" x14ac:dyDescent="0.25">
      <c r="A25" s="47" t="s">
        <v>16</v>
      </c>
      <c r="B25" s="48"/>
      <c r="C25" s="8"/>
      <c r="D25" s="8"/>
      <c r="E25" s="8"/>
    </row>
    <row r="26" spans="1:9" s="2" customFormat="1" ht="20.100000000000001" customHeight="1" x14ac:dyDescent="0.25">
      <c r="A26" s="7"/>
      <c r="B26" s="7" t="s">
        <v>19</v>
      </c>
      <c r="C26" s="8"/>
      <c r="D26" s="8"/>
      <c r="E26" s="8"/>
    </row>
    <row r="27" spans="1:9" s="2" customFormat="1" ht="20.100000000000001" customHeight="1" x14ac:dyDescent="0.25">
      <c r="A27" s="7"/>
      <c r="B27" s="7" t="s">
        <v>20</v>
      </c>
      <c r="C27" s="8"/>
      <c r="D27" s="8"/>
      <c r="E27" s="8"/>
    </row>
    <row r="28" spans="1:9" s="2" customFormat="1" ht="20.100000000000001" customHeight="1" x14ac:dyDescent="0.25">
      <c r="A28" s="47" t="s">
        <v>17</v>
      </c>
      <c r="B28" s="48"/>
      <c r="C28" s="8"/>
      <c r="D28" s="8"/>
      <c r="E28" s="8"/>
    </row>
    <row r="29" spans="1:9" s="2" customFormat="1" ht="31.5" customHeight="1" x14ac:dyDescent="0.25">
      <c r="A29" s="12" t="s">
        <v>72</v>
      </c>
      <c r="B29" s="61" t="s">
        <v>12</v>
      </c>
      <c r="C29" s="62"/>
      <c r="D29" s="13" t="s">
        <v>11</v>
      </c>
      <c r="E29" s="13" t="s">
        <v>141</v>
      </c>
    </row>
    <row r="30" spans="1:9" s="2" customFormat="1" ht="31.5" customHeight="1" x14ac:dyDescent="0.25">
      <c r="A30" s="10" t="s">
        <v>73</v>
      </c>
      <c r="B30" s="63" t="s">
        <v>142</v>
      </c>
      <c r="C30" s="64"/>
      <c r="D30" s="11" t="s">
        <v>1</v>
      </c>
      <c r="E30" s="27">
        <v>1</v>
      </c>
    </row>
    <row r="31" spans="1:9" s="2" customFormat="1" ht="4.5" customHeight="1" x14ac:dyDescent="0.25">
      <c r="A31" s="8"/>
      <c r="B31" s="8"/>
      <c r="C31" s="8"/>
      <c r="D31" s="8"/>
      <c r="E31" s="8"/>
    </row>
    <row r="32" spans="1:9" s="2" customFormat="1" ht="20.100000000000001" customHeight="1" x14ac:dyDescent="0.25">
      <c r="A32" s="47" t="s">
        <v>18</v>
      </c>
      <c r="B32" s="48"/>
      <c r="C32" s="8"/>
      <c r="D32" s="8"/>
      <c r="E32" s="8"/>
    </row>
    <row r="33" spans="1:6" s="2" customFormat="1" ht="20.100000000000001" customHeight="1" x14ac:dyDescent="0.2">
      <c r="A33" s="1"/>
      <c r="B33" s="2" t="s">
        <v>2</v>
      </c>
      <c r="C33" s="8"/>
      <c r="D33" s="8"/>
      <c r="E33" s="8"/>
    </row>
    <row r="34" spans="1:6" s="2" customFormat="1" ht="20.100000000000001" customHeight="1" x14ac:dyDescent="0.25">
      <c r="A34" s="7"/>
      <c r="B34" s="2" t="s">
        <v>3</v>
      </c>
      <c r="C34" s="8"/>
      <c r="D34" s="8"/>
      <c r="E34" s="8"/>
    </row>
    <row r="35" spans="1:6" ht="5.0999999999999996" customHeight="1" x14ac:dyDescent="0.2"/>
    <row r="36" spans="1:6" s="2" customFormat="1" ht="20.100000000000001" customHeight="1" x14ac:dyDescent="0.25">
      <c r="A36" s="43" t="s">
        <v>23</v>
      </c>
      <c r="B36" s="43"/>
      <c r="C36" s="43"/>
      <c r="D36" s="43"/>
      <c r="E36" s="43"/>
    </row>
    <row r="37" spans="1:6" s="2" customFormat="1" ht="5.0999999999999996" customHeight="1" thickBot="1" x14ac:dyDescent="0.3">
      <c r="A37" s="7"/>
      <c r="C37" s="5"/>
      <c r="D37" s="5"/>
      <c r="E37" s="5"/>
    </row>
    <row r="38" spans="1:6" s="3" customFormat="1" ht="53.25" customHeight="1" x14ac:dyDescent="0.25">
      <c r="A38" s="34" t="s">
        <v>0</v>
      </c>
      <c r="B38" s="35"/>
      <c r="C38" s="38" t="s">
        <v>24</v>
      </c>
      <c r="D38" s="39"/>
      <c r="E38" s="40"/>
      <c r="F38" s="18"/>
    </row>
    <row r="39" spans="1:6" s="3" customFormat="1" ht="30" customHeight="1" thickBot="1" x14ac:dyDescent="0.3">
      <c r="A39" s="36"/>
      <c r="B39" s="37"/>
      <c r="C39" s="19" t="s">
        <v>25</v>
      </c>
      <c r="D39" s="58" t="s">
        <v>26</v>
      </c>
      <c r="E39" s="59"/>
    </row>
    <row r="40" spans="1:6" s="20" customFormat="1" ht="31.5" customHeight="1" x14ac:dyDescent="0.25">
      <c r="A40" s="206" t="s">
        <v>145</v>
      </c>
      <c r="B40" s="207"/>
      <c r="C40" s="207"/>
      <c r="D40" s="207"/>
      <c r="E40" s="208"/>
    </row>
    <row r="41" spans="1:6" s="20" customFormat="1" ht="31.5" customHeight="1" thickBot="1" x14ac:dyDescent="0.3">
      <c r="A41" s="66" t="s">
        <v>88</v>
      </c>
      <c r="B41" s="67"/>
      <c r="C41" s="67"/>
      <c r="D41" s="67"/>
      <c r="E41" s="68"/>
    </row>
    <row r="42" spans="1:6" s="4" customFormat="1" ht="36" customHeight="1" x14ac:dyDescent="0.25">
      <c r="A42" s="33" t="s">
        <v>14</v>
      </c>
      <c r="B42" s="29" t="s">
        <v>89</v>
      </c>
      <c r="C42" s="31"/>
      <c r="D42" s="51"/>
      <c r="E42" s="52"/>
    </row>
    <row r="43" spans="1:6" s="4" customFormat="1" ht="45.75" customHeight="1" x14ac:dyDescent="0.25">
      <c r="A43" s="32" t="s">
        <v>51</v>
      </c>
      <c r="B43" s="30" t="s">
        <v>90</v>
      </c>
      <c r="C43" s="28"/>
      <c r="D43" s="49"/>
      <c r="E43" s="50"/>
    </row>
    <row r="44" spans="1:6" s="4" customFormat="1" ht="29.25" customHeight="1" x14ac:dyDescent="0.25">
      <c r="A44" s="32" t="s">
        <v>52</v>
      </c>
      <c r="B44" s="30" t="s">
        <v>91</v>
      </c>
      <c r="C44" s="28"/>
      <c r="D44" s="49"/>
      <c r="E44" s="50"/>
    </row>
    <row r="45" spans="1:6" s="4" customFormat="1" ht="96.75" customHeight="1" x14ac:dyDescent="0.25">
      <c r="A45" s="69" t="s">
        <v>143</v>
      </c>
      <c r="B45" s="70" t="s">
        <v>190</v>
      </c>
      <c r="C45" s="71"/>
      <c r="D45" s="203" t="s">
        <v>200</v>
      </c>
      <c r="E45" s="204"/>
    </row>
    <row r="46" spans="1:6" s="4" customFormat="1" ht="47.25" customHeight="1" x14ac:dyDescent="0.25">
      <c r="A46" s="69" t="s">
        <v>144</v>
      </c>
      <c r="B46" s="70" t="s">
        <v>191</v>
      </c>
      <c r="C46" s="72"/>
      <c r="D46" s="203" t="s">
        <v>198</v>
      </c>
      <c r="E46" s="205"/>
    </row>
    <row r="47" spans="1:6" s="4" customFormat="1" ht="45.75" customHeight="1" x14ac:dyDescent="0.25">
      <c r="A47" s="73" t="s">
        <v>53</v>
      </c>
      <c r="B47" s="70" t="s">
        <v>92</v>
      </c>
      <c r="C47" s="71"/>
      <c r="D47" s="74"/>
      <c r="E47" s="75"/>
    </row>
    <row r="48" spans="1:6" s="4" customFormat="1" ht="29.1" customHeight="1" x14ac:dyDescent="0.25">
      <c r="A48" s="73" t="s">
        <v>54</v>
      </c>
      <c r="B48" s="70" t="s">
        <v>93</v>
      </c>
      <c r="C48" s="76"/>
      <c r="D48" s="77"/>
      <c r="E48" s="78"/>
    </row>
    <row r="49" spans="1:5" s="4" customFormat="1" ht="29.1" customHeight="1" x14ac:dyDescent="0.25">
      <c r="A49" s="73" t="s">
        <v>55</v>
      </c>
      <c r="B49" s="70" t="s">
        <v>94</v>
      </c>
      <c r="C49" s="76"/>
      <c r="D49" s="74"/>
      <c r="E49" s="75"/>
    </row>
    <row r="50" spans="1:5" s="4" customFormat="1" ht="36" customHeight="1" x14ac:dyDescent="0.25">
      <c r="A50" s="73" t="s">
        <v>56</v>
      </c>
      <c r="B50" s="70" t="s">
        <v>95</v>
      </c>
      <c r="C50" s="76"/>
      <c r="D50" s="79"/>
      <c r="E50" s="80"/>
    </row>
    <row r="51" spans="1:5" s="4" customFormat="1" ht="29.1" customHeight="1" x14ac:dyDescent="0.25">
      <c r="A51" s="73" t="s">
        <v>57</v>
      </c>
      <c r="B51" s="70" t="s">
        <v>199</v>
      </c>
      <c r="C51" s="72"/>
      <c r="D51" s="74"/>
      <c r="E51" s="75"/>
    </row>
    <row r="52" spans="1:5" s="4" customFormat="1" ht="29.1" customHeight="1" x14ac:dyDescent="0.25">
      <c r="A52" s="73" t="s">
        <v>58</v>
      </c>
      <c r="B52" s="70" t="s">
        <v>96</v>
      </c>
      <c r="C52" s="72"/>
      <c r="D52" s="81"/>
      <c r="E52" s="82"/>
    </row>
    <row r="53" spans="1:5" s="4" customFormat="1" ht="81" customHeight="1" x14ac:dyDescent="0.25">
      <c r="A53" s="73" t="s">
        <v>71</v>
      </c>
      <c r="B53" s="70" t="s">
        <v>192</v>
      </c>
      <c r="C53" s="71"/>
      <c r="D53" s="74"/>
      <c r="E53" s="75"/>
    </row>
    <row r="54" spans="1:5" s="4" customFormat="1" ht="47.25" customHeight="1" x14ac:dyDescent="0.25">
      <c r="A54" s="73" t="s">
        <v>59</v>
      </c>
      <c r="B54" s="70" t="s">
        <v>193</v>
      </c>
      <c r="C54" s="72"/>
      <c r="D54" s="83"/>
      <c r="E54" s="84"/>
    </row>
    <row r="55" spans="1:5" s="4" customFormat="1" ht="36" customHeight="1" x14ac:dyDescent="0.25">
      <c r="A55" s="73" t="s">
        <v>60</v>
      </c>
      <c r="B55" s="70" t="s">
        <v>97</v>
      </c>
      <c r="C55" s="72"/>
      <c r="D55" s="74"/>
      <c r="E55" s="75"/>
    </row>
    <row r="56" spans="1:5" s="4" customFormat="1" ht="36" customHeight="1" x14ac:dyDescent="0.25">
      <c r="A56" s="73" t="s">
        <v>61</v>
      </c>
      <c r="B56" s="85" t="s">
        <v>98</v>
      </c>
      <c r="C56" s="72"/>
      <c r="D56" s="86"/>
      <c r="E56" s="87"/>
    </row>
    <row r="57" spans="1:5" s="4" customFormat="1" ht="59.25" customHeight="1" x14ac:dyDescent="0.2">
      <c r="A57" s="73" t="s">
        <v>62</v>
      </c>
      <c r="B57" s="88" t="s">
        <v>99</v>
      </c>
      <c r="C57" s="72"/>
      <c r="D57" s="74"/>
      <c r="E57" s="75"/>
    </row>
    <row r="58" spans="1:5" s="4" customFormat="1" ht="48.75" customHeight="1" x14ac:dyDescent="0.25">
      <c r="A58" s="73" t="s">
        <v>63</v>
      </c>
      <c r="B58" s="89" t="s">
        <v>100</v>
      </c>
      <c r="C58" s="76"/>
      <c r="D58" s="74"/>
      <c r="E58" s="75"/>
    </row>
    <row r="59" spans="1:5" s="4" customFormat="1" ht="48.75" customHeight="1" x14ac:dyDescent="0.25">
      <c r="A59" s="73" t="s">
        <v>64</v>
      </c>
      <c r="B59" s="70" t="s">
        <v>101</v>
      </c>
      <c r="C59" s="76"/>
      <c r="D59" s="74"/>
      <c r="E59" s="75"/>
    </row>
    <row r="60" spans="1:5" s="4" customFormat="1" ht="71.25" customHeight="1" x14ac:dyDescent="0.25">
      <c r="A60" s="73" t="s">
        <v>65</v>
      </c>
      <c r="B60" s="70" t="s">
        <v>102</v>
      </c>
      <c r="C60" s="76"/>
      <c r="D60" s="79"/>
      <c r="E60" s="80"/>
    </row>
    <row r="61" spans="1:5" s="4" customFormat="1" ht="36" customHeight="1" x14ac:dyDescent="0.25">
      <c r="A61" s="73" t="s">
        <v>66</v>
      </c>
      <c r="B61" s="70" t="s">
        <v>103</v>
      </c>
      <c r="C61" s="90"/>
      <c r="D61" s="74"/>
      <c r="E61" s="75"/>
    </row>
    <row r="62" spans="1:5" s="4" customFormat="1" ht="48.75" customHeight="1" x14ac:dyDescent="0.25">
      <c r="A62" s="73" t="s">
        <v>67</v>
      </c>
      <c r="B62" s="70" t="s">
        <v>193</v>
      </c>
      <c r="C62" s="91"/>
      <c r="D62" s="92"/>
      <c r="E62" s="75"/>
    </row>
    <row r="63" spans="1:5" s="4" customFormat="1" ht="36" customHeight="1" x14ac:dyDescent="0.25">
      <c r="A63" s="73" t="s">
        <v>68</v>
      </c>
      <c r="B63" s="89" t="s">
        <v>104</v>
      </c>
      <c r="C63" s="72"/>
      <c r="D63" s="79"/>
      <c r="E63" s="80"/>
    </row>
    <row r="64" spans="1:5" s="4" customFormat="1" ht="36" customHeight="1" x14ac:dyDescent="0.25">
      <c r="A64" s="73" t="s">
        <v>69</v>
      </c>
      <c r="B64" s="70" t="s">
        <v>105</v>
      </c>
      <c r="C64" s="71"/>
      <c r="D64" s="86"/>
      <c r="E64" s="87"/>
    </row>
    <row r="65" spans="1:5" s="4" customFormat="1" ht="36" customHeight="1" x14ac:dyDescent="0.25">
      <c r="A65" s="73" t="s">
        <v>74</v>
      </c>
      <c r="B65" s="70" t="s">
        <v>106</v>
      </c>
      <c r="C65" s="76"/>
      <c r="D65" s="74"/>
      <c r="E65" s="75"/>
    </row>
    <row r="66" spans="1:5" s="4" customFormat="1" ht="36" customHeight="1" x14ac:dyDescent="0.25">
      <c r="A66" s="73" t="s">
        <v>75</v>
      </c>
      <c r="B66" s="70" t="s">
        <v>194</v>
      </c>
      <c r="C66" s="76"/>
      <c r="D66" s="93"/>
      <c r="E66" s="94"/>
    </row>
    <row r="67" spans="1:5" s="4" customFormat="1" ht="28.5" customHeight="1" x14ac:dyDescent="0.25">
      <c r="A67" s="73" t="s">
        <v>76</v>
      </c>
      <c r="B67" s="70" t="s">
        <v>107</v>
      </c>
      <c r="C67" s="76"/>
      <c r="D67" s="93"/>
      <c r="E67" s="94"/>
    </row>
    <row r="68" spans="1:5" s="4" customFormat="1" ht="36" customHeight="1" x14ac:dyDescent="0.25">
      <c r="A68" s="73" t="s">
        <v>77</v>
      </c>
      <c r="B68" s="70" t="s">
        <v>108</v>
      </c>
      <c r="C68" s="76"/>
      <c r="D68" s="93"/>
      <c r="E68" s="94"/>
    </row>
    <row r="69" spans="1:5" s="4" customFormat="1" ht="36" customHeight="1" x14ac:dyDescent="0.25">
      <c r="A69" s="73" t="s">
        <v>78</v>
      </c>
      <c r="B69" s="70" t="s">
        <v>109</v>
      </c>
      <c r="C69" s="72"/>
      <c r="D69" s="93"/>
      <c r="E69" s="94"/>
    </row>
    <row r="70" spans="1:5" s="4" customFormat="1" ht="36" customHeight="1" x14ac:dyDescent="0.25">
      <c r="A70" s="73" t="s">
        <v>79</v>
      </c>
      <c r="B70" s="70" t="s">
        <v>110</v>
      </c>
      <c r="C70" s="95"/>
      <c r="D70" s="96"/>
      <c r="E70" s="97"/>
    </row>
    <row r="71" spans="1:5" s="4" customFormat="1" ht="36" customHeight="1" x14ac:dyDescent="0.25">
      <c r="A71" s="73" t="s">
        <v>80</v>
      </c>
      <c r="B71" s="70" t="s">
        <v>111</v>
      </c>
      <c r="C71" s="91"/>
      <c r="D71" s="98"/>
      <c r="E71" s="99"/>
    </row>
    <row r="72" spans="1:5" s="4" customFormat="1" ht="27" customHeight="1" x14ac:dyDescent="0.25">
      <c r="A72" s="73" t="s">
        <v>81</v>
      </c>
      <c r="B72" s="70" t="s">
        <v>112</v>
      </c>
      <c r="C72" s="76"/>
      <c r="D72" s="83"/>
      <c r="E72" s="84"/>
    </row>
    <row r="73" spans="1:5" s="4" customFormat="1" ht="36" customHeight="1" x14ac:dyDescent="0.25">
      <c r="A73" s="73" t="s">
        <v>82</v>
      </c>
      <c r="B73" s="70" t="s">
        <v>113</v>
      </c>
      <c r="C73" s="76"/>
      <c r="D73" s="96"/>
      <c r="E73" s="97"/>
    </row>
    <row r="74" spans="1:5" s="4" customFormat="1" ht="28.5" customHeight="1" x14ac:dyDescent="0.25">
      <c r="A74" s="73" t="s">
        <v>83</v>
      </c>
      <c r="B74" s="70" t="s">
        <v>114</v>
      </c>
      <c r="C74" s="76"/>
      <c r="D74" s="96"/>
      <c r="E74" s="97"/>
    </row>
    <row r="75" spans="1:5" s="4" customFormat="1" ht="45.75" customHeight="1" x14ac:dyDescent="0.25">
      <c r="A75" s="73" t="s">
        <v>84</v>
      </c>
      <c r="B75" s="70" t="s">
        <v>115</v>
      </c>
      <c r="C75" s="76"/>
      <c r="D75" s="100"/>
      <c r="E75" s="99"/>
    </row>
    <row r="76" spans="1:5" s="4" customFormat="1" ht="60.75" customHeight="1" x14ac:dyDescent="0.25">
      <c r="A76" s="73" t="s">
        <v>85</v>
      </c>
      <c r="B76" s="70" t="s">
        <v>195</v>
      </c>
      <c r="C76" s="76"/>
      <c r="D76" s="83"/>
      <c r="E76" s="84"/>
    </row>
    <row r="77" spans="1:5" s="4" customFormat="1" ht="36" customHeight="1" x14ac:dyDescent="0.25">
      <c r="A77" s="73" t="s">
        <v>86</v>
      </c>
      <c r="B77" s="70" t="s">
        <v>116</v>
      </c>
      <c r="C77" s="76"/>
      <c r="D77" s="96"/>
      <c r="E77" s="97"/>
    </row>
    <row r="78" spans="1:5" s="4" customFormat="1" ht="27" customHeight="1" thickBot="1" x14ac:dyDescent="0.3">
      <c r="A78" s="101" t="s">
        <v>87</v>
      </c>
      <c r="B78" s="102" t="s">
        <v>117</v>
      </c>
      <c r="C78" s="103"/>
      <c r="D78" s="83"/>
      <c r="E78" s="84"/>
    </row>
    <row r="79" spans="1:5" s="4" customFormat="1" ht="18.75" customHeight="1" thickBot="1" x14ac:dyDescent="0.3">
      <c r="A79" s="104" t="s">
        <v>118</v>
      </c>
      <c r="B79" s="105"/>
      <c r="C79" s="105"/>
      <c r="D79" s="105"/>
      <c r="E79" s="106"/>
    </row>
    <row r="80" spans="1:5" s="4" customFormat="1" ht="27" customHeight="1" x14ac:dyDescent="0.25">
      <c r="A80" s="107" t="s">
        <v>119</v>
      </c>
      <c r="B80" s="108" t="s">
        <v>130</v>
      </c>
      <c r="C80" s="71"/>
      <c r="D80" s="83"/>
      <c r="E80" s="84"/>
    </row>
    <row r="81" spans="1:5" s="4" customFormat="1" ht="36" customHeight="1" x14ac:dyDescent="0.25">
      <c r="A81" s="73" t="s">
        <v>120</v>
      </c>
      <c r="B81" s="89" t="s">
        <v>131</v>
      </c>
      <c r="C81" s="72"/>
      <c r="D81" s="96"/>
      <c r="E81" s="97"/>
    </row>
    <row r="82" spans="1:5" s="4" customFormat="1" ht="36" customHeight="1" x14ac:dyDescent="0.25">
      <c r="A82" s="73" t="s">
        <v>121</v>
      </c>
      <c r="B82" s="70" t="s">
        <v>132</v>
      </c>
      <c r="C82" s="72"/>
      <c r="D82" s="74"/>
      <c r="E82" s="75"/>
    </row>
    <row r="83" spans="1:5" s="4" customFormat="1" ht="36" customHeight="1" x14ac:dyDescent="0.25">
      <c r="A83" s="73" t="s">
        <v>122</v>
      </c>
      <c r="B83" s="70" t="s">
        <v>133</v>
      </c>
      <c r="C83" s="71"/>
      <c r="D83" s="74"/>
      <c r="E83" s="75"/>
    </row>
    <row r="84" spans="1:5" s="4" customFormat="1" ht="27" customHeight="1" x14ac:dyDescent="0.25">
      <c r="A84" s="73" t="s">
        <v>123</v>
      </c>
      <c r="B84" s="109" t="s">
        <v>134</v>
      </c>
      <c r="C84" s="76"/>
      <c r="D84" s="74"/>
      <c r="E84" s="75"/>
    </row>
    <row r="85" spans="1:5" s="4" customFormat="1" ht="36" customHeight="1" x14ac:dyDescent="0.25">
      <c r="A85" s="73" t="s">
        <v>124</v>
      </c>
      <c r="B85" s="70" t="s">
        <v>135</v>
      </c>
      <c r="C85" s="76"/>
      <c r="D85" s="74"/>
      <c r="E85" s="75"/>
    </row>
    <row r="86" spans="1:5" s="4" customFormat="1" ht="36" customHeight="1" x14ac:dyDescent="0.25">
      <c r="A86" s="73" t="s">
        <v>125</v>
      </c>
      <c r="B86" s="70" t="s">
        <v>136</v>
      </c>
      <c r="C86" s="76"/>
      <c r="D86" s="96"/>
      <c r="E86" s="97"/>
    </row>
    <row r="87" spans="1:5" s="4" customFormat="1" ht="27" customHeight="1" x14ac:dyDescent="0.25">
      <c r="A87" s="73" t="s">
        <v>126</v>
      </c>
      <c r="B87" s="109" t="s">
        <v>137</v>
      </c>
      <c r="C87" s="76"/>
      <c r="D87" s="96"/>
      <c r="E87" s="97"/>
    </row>
    <row r="88" spans="1:5" s="4" customFormat="1" ht="27" customHeight="1" x14ac:dyDescent="0.25">
      <c r="A88" s="73" t="s">
        <v>127</v>
      </c>
      <c r="B88" s="109" t="s">
        <v>138</v>
      </c>
      <c r="C88" s="76"/>
      <c r="D88" s="100"/>
      <c r="E88" s="99"/>
    </row>
    <row r="89" spans="1:5" s="4" customFormat="1" ht="27" customHeight="1" x14ac:dyDescent="0.25">
      <c r="A89" s="73" t="s">
        <v>128</v>
      </c>
      <c r="B89" s="109" t="s">
        <v>139</v>
      </c>
      <c r="C89" s="76"/>
      <c r="D89" s="81"/>
      <c r="E89" s="82"/>
    </row>
    <row r="90" spans="1:5" s="4" customFormat="1" ht="27" customHeight="1" thickBot="1" x14ac:dyDescent="0.3">
      <c r="A90" s="110" t="s">
        <v>129</v>
      </c>
      <c r="B90" s="111" t="s">
        <v>140</v>
      </c>
      <c r="C90" s="103"/>
      <c r="D90" s="112"/>
      <c r="E90" s="113"/>
    </row>
    <row r="91" spans="1:5" s="3" customFormat="1" ht="5.0999999999999996" customHeight="1" x14ac:dyDescent="0.25">
      <c r="A91" s="114"/>
      <c r="B91" s="115"/>
      <c r="C91" s="116"/>
      <c r="D91" s="116"/>
      <c r="E91" s="117"/>
    </row>
    <row r="92" spans="1:5" s="2" customFormat="1" ht="20.100000000000001" customHeight="1" x14ac:dyDescent="0.25">
      <c r="A92" s="118" t="s">
        <v>42</v>
      </c>
      <c r="B92" s="119"/>
      <c r="C92" s="119"/>
      <c r="D92" s="119"/>
      <c r="E92" s="120"/>
    </row>
    <row r="93" spans="1:5" s="2" customFormat="1" ht="5.0999999999999996" customHeight="1" thickBot="1" x14ac:dyDescent="0.3">
      <c r="A93" s="121"/>
      <c r="B93" s="122"/>
      <c r="C93" s="123"/>
      <c r="D93" s="123"/>
      <c r="E93" s="124"/>
    </row>
    <row r="94" spans="1:5" s="3" customFormat="1" ht="69" customHeight="1" x14ac:dyDescent="0.25">
      <c r="A94" s="34" t="s">
        <v>7</v>
      </c>
      <c r="B94" s="35"/>
      <c r="C94" s="38" t="s">
        <v>27</v>
      </c>
      <c r="D94" s="39"/>
      <c r="E94" s="40"/>
    </row>
    <row r="95" spans="1:5" s="3" customFormat="1" ht="30" customHeight="1" thickBot="1" x14ac:dyDescent="0.3">
      <c r="A95" s="36"/>
      <c r="B95" s="37"/>
      <c r="C95" s="19" t="s">
        <v>6</v>
      </c>
      <c r="D95" s="41" t="s">
        <v>28</v>
      </c>
      <c r="E95" s="42"/>
    </row>
    <row r="96" spans="1:5" s="2" customFormat="1" ht="27" customHeight="1" x14ac:dyDescent="0.25">
      <c r="A96" s="125" t="s">
        <v>14</v>
      </c>
      <c r="B96" s="126" t="s">
        <v>158</v>
      </c>
      <c r="C96" s="127"/>
      <c r="D96" s="128"/>
      <c r="E96" s="129"/>
    </row>
    <row r="97" spans="1:5" s="2" customFormat="1" ht="27" customHeight="1" x14ac:dyDescent="0.25">
      <c r="A97" s="130" t="s">
        <v>51</v>
      </c>
      <c r="B97" s="131" t="s">
        <v>159</v>
      </c>
      <c r="C97" s="72"/>
      <c r="D97" s="132"/>
      <c r="E97" s="133"/>
    </row>
    <row r="98" spans="1:5" s="2" customFormat="1" ht="27" customHeight="1" x14ac:dyDescent="0.25">
      <c r="A98" s="134" t="s">
        <v>153</v>
      </c>
      <c r="B98" s="135" t="s">
        <v>160</v>
      </c>
      <c r="C98" s="72"/>
      <c r="D98" s="132"/>
      <c r="E98" s="133"/>
    </row>
    <row r="99" spans="1:5" s="2" customFormat="1" ht="27" customHeight="1" x14ac:dyDescent="0.25">
      <c r="A99" s="136" t="s">
        <v>154</v>
      </c>
      <c r="B99" s="137" t="s">
        <v>196</v>
      </c>
      <c r="C99" s="72"/>
      <c r="D99" s="132"/>
      <c r="E99" s="133"/>
    </row>
    <row r="100" spans="1:5" s="2" customFormat="1" ht="55.5" customHeight="1" x14ac:dyDescent="0.25">
      <c r="A100" s="136" t="s">
        <v>155</v>
      </c>
      <c r="B100" s="135" t="s">
        <v>161</v>
      </c>
      <c r="C100" s="72"/>
      <c r="D100" s="132"/>
      <c r="E100" s="133"/>
    </row>
    <row r="101" spans="1:5" s="2" customFormat="1" ht="39" customHeight="1" x14ac:dyDescent="0.25">
      <c r="A101" s="136" t="s">
        <v>156</v>
      </c>
      <c r="B101" s="131" t="s">
        <v>162</v>
      </c>
      <c r="C101" s="72"/>
      <c r="D101" s="132"/>
      <c r="E101" s="133"/>
    </row>
    <row r="102" spans="1:5" s="2" customFormat="1" ht="126" customHeight="1" x14ac:dyDescent="0.25">
      <c r="A102" s="138" t="s">
        <v>157</v>
      </c>
      <c r="B102" s="135" t="s">
        <v>163</v>
      </c>
      <c r="C102" s="90"/>
      <c r="D102" s="139"/>
      <c r="E102" s="140"/>
    </row>
    <row r="103" spans="1:5" s="2" customFormat="1" ht="61.5" customHeight="1" x14ac:dyDescent="0.25">
      <c r="A103" s="130" t="s">
        <v>52</v>
      </c>
      <c r="B103" s="135" t="s">
        <v>197</v>
      </c>
      <c r="C103" s="127"/>
      <c r="D103" s="128"/>
      <c r="E103" s="129"/>
    </row>
    <row r="104" spans="1:5" s="2" customFormat="1" ht="86.25" customHeight="1" x14ac:dyDescent="0.25">
      <c r="A104" s="141" t="s">
        <v>53</v>
      </c>
      <c r="B104" s="135" t="s">
        <v>164</v>
      </c>
      <c r="C104" s="72"/>
      <c r="D104" s="132"/>
      <c r="E104" s="133"/>
    </row>
    <row r="105" spans="1:5" s="2" customFormat="1" ht="75" customHeight="1" x14ac:dyDescent="0.25">
      <c r="A105" s="142" t="s">
        <v>54</v>
      </c>
      <c r="B105" s="135" t="s">
        <v>165</v>
      </c>
      <c r="C105" s="72"/>
      <c r="D105" s="132"/>
      <c r="E105" s="133"/>
    </row>
    <row r="106" spans="1:5" s="2" customFormat="1" ht="84" customHeight="1" x14ac:dyDescent="0.25">
      <c r="A106" s="130" t="s">
        <v>55</v>
      </c>
      <c r="B106" s="131" t="s">
        <v>166</v>
      </c>
      <c r="C106" s="72"/>
      <c r="D106" s="143"/>
      <c r="E106" s="144"/>
    </row>
    <row r="107" spans="1:5" s="2" customFormat="1" ht="72.75" customHeight="1" x14ac:dyDescent="0.25">
      <c r="A107" s="130" t="s">
        <v>56</v>
      </c>
      <c r="B107" s="145" t="s">
        <v>167</v>
      </c>
      <c r="C107" s="71"/>
      <c r="D107" s="132"/>
      <c r="E107" s="133"/>
    </row>
    <row r="108" spans="1:5" s="2" customFormat="1" ht="57" customHeight="1" x14ac:dyDescent="0.25">
      <c r="A108" s="142" t="s">
        <v>57</v>
      </c>
      <c r="B108" s="146" t="s">
        <v>168</v>
      </c>
      <c r="C108" s="72"/>
      <c r="D108" s="132"/>
      <c r="E108" s="133"/>
    </row>
    <row r="109" spans="1:5" s="2" customFormat="1" ht="27" customHeight="1" x14ac:dyDescent="0.25">
      <c r="A109" s="130" t="s">
        <v>58</v>
      </c>
      <c r="B109" s="147" t="s">
        <v>169</v>
      </c>
      <c r="C109" s="148"/>
      <c r="D109" s="132"/>
      <c r="E109" s="133"/>
    </row>
    <row r="110" spans="1:5" s="2" customFormat="1" ht="36" customHeight="1" x14ac:dyDescent="0.25">
      <c r="A110" s="149" t="s">
        <v>71</v>
      </c>
      <c r="B110" s="150" t="s">
        <v>170</v>
      </c>
      <c r="C110" s="72"/>
      <c r="D110" s="132"/>
      <c r="E110" s="133"/>
    </row>
    <row r="111" spans="1:5" s="2" customFormat="1" ht="36" customHeight="1" x14ac:dyDescent="0.25">
      <c r="A111" s="130" t="s">
        <v>59</v>
      </c>
      <c r="B111" s="150" t="s">
        <v>171</v>
      </c>
      <c r="C111" s="72"/>
      <c r="D111" s="132"/>
      <c r="E111" s="133"/>
    </row>
    <row r="112" spans="1:5" s="2" customFormat="1" ht="86.25" customHeight="1" x14ac:dyDescent="0.25">
      <c r="A112" s="130" t="s">
        <v>60</v>
      </c>
      <c r="B112" s="135" t="s">
        <v>172</v>
      </c>
      <c r="C112" s="72"/>
      <c r="D112" s="132"/>
      <c r="E112" s="133"/>
    </row>
    <row r="113" spans="1:6" s="2" customFormat="1" ht="136.5" customHeight="1" x14ac:dyDescent="0.25">
      <c r="A113" s="142" t="s">
        <v>61</v>
      </c>
      <c r="B113" s="150" t="s">
        <v>173</v>
      </c>
      <c r="C113" s="148"/>
      <c r="D113" s="132"/>
      <c r="E113" s="133"/>
    </row>
    <row r="114" spans="1:6" s="2" customFormat="1" ht="69" customHeight="1" x14ac:dyDescent="0.25">
      <c r="A114" s="130" t="s">
        <v>62</v>
      </c>
      <c r="B114" s="151" t="s">
        <v>174</v>
      </c>
      <c r="C114" s="72"/>
      <c r="D114" s="132"/>
      <c r="E114" s="133"/>
    </row>
    <row r="115" spans="1:6" s="2" customFormat="1" ht="36" customHeight="1" x14ac:dyDescent="0.25">
      <c r="A115" s="141" t="s">
        <v>63</v>
      </c>
      <c r="B115" s="135" t="s">
        <v>175</v>
      </c>
      <c r="C115" s="148"/>
      <c r="D115" s="132"/>
      <c r="E115" s="133"/>
    </row>
    <row r="116" spans="1:6" s="2" customFormat="1" ht="96.75" customHeight="1" x14ac:dyDescent="0.25">
      <c r="A116" s="142" t="s">
        <v>64</v>
      </c>
      <c r="B116" s="131" t="s">
        <v>176</v>
      </c>
      <c r="C116" s="148"/>
      <c r="D116" s="132"/>
      <c r="E116" s="133"/>
    </row>
    <row r="117" spans="1:6" s="2" customFormat="1" ht="36" customHeight="1" x14ac:dyDescent="0.25">
      <c r="A117" s="152" t="s">
        <v>65</v>
      </c>
      <c r="B117" s="153" t="s">
        <v>177</v>
      </c>
      <c r="C117" s="148"/>
      <c r="D117" s="132"/>
      <c r="E117" s="133"/>
    </row>
    <row r="118" spans="1:6" s="2" customFormat="1" ht="70.5" customHeight="1" x14ac:dyDescent="0.25">
      <c r="A118" s="154" t="s">
        <v>66</v>
      </c>
      <c r="B118" s="155" t="s">
        <v>178</v>
      </c>
      <c r="C118" s="95"/>
      <c r="D118" s="139"/>
      <c r="E118" s="140"/>
    </row>
    <row r="119" spans="1:6" s="2" customFormat="1" ht="44.25" customHeight="1" x14ac:dyDescent="0.25">
      <c r="A119" s="130" t="s">
        <v>67</v>
      </c>
      <c r="B119" s="135" t="s">
        <v>179</v>
      </c>
      <c r="C119" s="156"/>
      <c r="D119" s="157"/>
      <c r="E119" s="158"/>
    </row>
    <row r="120" spans="1:6" s="2" customFormat="1" ht="83.25" customHeight="1" x14ac:dyDescent="0.25">
      <c r="A120" s="130" t="s">
        <v>68</v>
      </c>
      <c r="B120" s="146" t="s">
        <v>180</v>
      </c>
      <c r="C120" s="71"/>
      <c r="D120" s="132"/>
      <c r="E120" s="133"/>
    </row>
    <row r="121" spans="1:6" s="2" customFormat="1" ht="35.25" customHeight="1" x14ac:dyDescent="0.25">
      <c r="A121" s="130" t="s">
        <v>69</v>
      </c>
      <c r="B121" s="159" t="s">
        <v>181</v>
      </c>
      <c r="C121" s="72"/>
      <c r="D121" s="160"/>
      <c r="E121" s="161"/>
    </row>
    <row r="122" spans="1:6" s="2" customFormat="1" ht="107.25" customHeight="1" x14ac:dyDescent="0.25">
      <c r="A122" s="141" t="s">
        <v>74</v>
      </c>
      <c r="B122" s="131" t="s">
        <v>182</v>
      </c>
      <c r="C122" s="72"/>
      <c r="D122" s="143"/>
      <c r="E122" s="144"/>
    </row>
    <row r="123" spans="1:6" s="2" customFormat="1" ht="63" customHeight="1" x14ac:dyDescent="0.25">
      <c r="A123" s="141" t="s">
        <v>75</v>
      </c>
      <c r="B123" s="162" t="s">
        <v>183</v>
      </c>
      <c r="C123" s="72"/>
      <c r="D123" s="132"/>
      <c r="E123" s="133"/>
    </row>
    <row r="124" spans="1:6" s="2" customFormat="1" ht="75.75" customHeight="1" x14ac:dyDescent="0.25">
      <c r="A124" s="142" t="s">
        <v>76</v>
      </c>
      <c r="B124" s="135" t="s">
        <v>184</v>
      </c>
      <c r="C124" s="72"/>
      <c r="D124" s="132"/>
      <c r="E124" s="133"/>
    </row>
    <row r="125" spans="1:6" s="2" customFormat="1" ht="186" customHeight="1" x14ac:dyDescent="0.25">
      <c r="A125" s="130" t="s">
        <v>77</v>
      </c>
      <c r="B125" s="135" t="s">
        <v>185</v>
      </c>
      <c r="C125" s="72"/>
      <c r="D125" s="132"/>
      <c r="E125" s="133"/>
      <c r="F125" s="21"/>
    </row>
    <row r="126" spans="1:6" s="2" customFormat="1" ht="196.5" customHeight="1" x14ac:dyDescent="0.25">
      <c r="A126" s="142" t="s">
        <v>78</v>
      </c>
      <c r="B126" s="146" t="s">
        <v>186</v>
      </c>
      <c r="C126" s="72"/>
      <c r="D126" s="132"/>
      <c r="E126" s="133"/>
    </row>
    <row r="127" spans="1:6" s="2" customFormat="1" ht="115.5" customHeight="1" x14ac:dyDescent="0.25">
      <c r="A127" s="130" t="s">
        <v>79</v>
      </c>
      <c r="B127" s="146" t="s">
        <v>187</v>
      </c>
      <c r="C127" s="163"/>
      <c r="D127" s="160"/>
      <c r="E127" s="161"/>
    </row>
    <row r="128" spans="1:6" s="2" customFormat="1" ht="66" customHeight="1" x14ac:dyDescent="0.25">
      <c r="A128" s="164" t="s">
        <v>80</v>
      </c>
      <c r="B128" s="135" t="s">
        <v>188</v>
      </c>
      <c r="C128" s="71"/>
      <c r="D128" s="160"/>
      <c r="E128" s="161"/>
    </row>
    <row r="129" spans="1:6" s="2" customFormat="1" ht="44.25" customHeight="1" thickBot="1" x14ac:dyDescent="0.3">
      <c r="A129" s="165" t="s">
        <v>81</v>
      </c>
      <c r="B129" s="166" t="s">
        <v>189</v>
      </c>
      <c r="C129" s="103"/>
      <c r="D129" s="167"/>
      <c r="E129" s="168"/>
    </row>
    <row r="130" spans="1:6" s="3" customFormat="1" ht="26.25" customHeight="1" x14ac:dyDescent="0.25">
      <c r="A130" s="115"/>
      <c r="B130" s="115"/>
      <c r="C130" s="116"/>
      <c r="D130" s="116"/>
      <c r="E130" s="169"/>
    </row>
    <row r="131" spans="1:6" s="2" customFormat="1" ht="20.100000000000001" customHeight="1" x14ac:dyDescent="0.25">
      <c r="A131" s="119" t="s">
        <v>48</v>
      </c>
      <c r="B131" s="119"/>
      <c r="C131" s="119"/>
      <c r="D131" s="119"/>
      <c r="E131" s="119"/>
      <c r="F131" s="53"/>
    </row>
    <row r="132" spans="1:6" s="2" customFormat="1" ht="4.5" customHeight="1" thickBot="1" x14ac:dyDescent="0.3">
      <c r="A132" s="122"/>
      <c r="B132" s="122"/>
      <c r="C132" s="122"/>
      <c r="D132" s="122"/>
      <c r="E132" s="122"/>
      <c r="F132" s="53"/>
    </row>
    <row r="133" spans="1:6" s="2" customFormat="1" ht="80.25" customHeight="1" x14ac:dyDescent="0.25">
      <c r="A133" s="34" t="s">
        <v>70</v>
      </c>
      <c r="B133" s="35"/>
      <c r="C133" s="38" t="s">
        <v>49</v>
      </c>
      <c r="D133" s="39"/>
      <c r="E133" s="40"/>
      <c r="F133" s="53"/>
    </row>
    <row r="134" spans="1:6" s="3" customFormat="1" ht="29.25" customHeight="1" thickBot="1" x14ac:dyDescent="0.3">
      <c r="A134" s="36"/>
      <c r="B134" s="37"/>
      <c r="C134" s="19" t="s">
        <v>6</v>
      </c>
      <c r="D134" s="41" t="s">
        <v>28</v>
      </c>
      <c r="E134" s="42"/>
      <c r="F134" s="53"/>
    </row>
    <row r="135" spans="1:6" s="3" customFormat="1" ht="34.5" customHeight="1" x14ac:dyDescent="0.25">
      <c r="A135" s="149" t="s">
        <v>14</v>
      </c>
      <c r="B135" s="170" t="s">
        <v>147</v>
      </c>
      <c r="C135" s="171"/>
      <c r="D135" s="172"/>
      <c r="E135" s="173"/>
      <c r="F135" s="53"/>
    </row>
    <row r="136" spans="1:6" s="3" customFormat="1" ht="34.5" customHeight="1" thickBot="1" x14ac:dyDescent="0.3">
      <c r="A136" s="165" t="s">
        <v>51</v>
      </c>
      <c r="B136" s="174" t="s">
        <v>146</v>
      </c>
      <c r="C136" s="175"/>
      <c r="D136" s="176"/>
      <c r="E136" s="177"/>
      <c r="F136" s="53"/>
    </row>
    <row r="137" spans="1:6" s="2" customFormat="1" ht="5.0999999999999996" customHeight="1" x14ac:dyDescent="0.25">
      <c r="A137" s="115"/>
      <c r="B137" s="115"/>
      <c r="C137" s="116"/>
      <c r="D137" s="116"/>
      <c r="E137" s="169"/>
    </row>
    <row r="138" spans="1:6" s="2" customFormat="1" ht="20.100000000000001" customHeight="1" x14ac:dyDescent="0.25">
      <c r="A138" s="119" t="s">
        <v>13</v>
      </c>
      <c r="B138" s="119"/>
      <c r="C138" s="119"/>
      <c r="D138" s="119"/>
      <c r="E138" s="119"/>
    </row>
    <row r="139" spans="1:6" s="3" customFormat="1" ht="22.5" customHeight="1" x14ac:dyDescent="0.25">
      <c r="A139" s="115" t="s">
        <v>15</v>
      </c>
      <c r="B139" s="178" t="s">
        <v>201</v>
      </c>
      <c r="C139" s="178"/>
      <c r="D139" s="178"/>
      <c r="E139" s="178"/>
    </row>
    <row r="140" spans="1:6" s="21" customFormat="1" ht="30" customHeight="1" x14ac:dyDescent="0.25">
      <c r="A140" s="179" t="s">
        <v>29</v>
      </c>
      <c r="B140" s="179"/>
      <c r="C140" s="179"/>
      <c r="D140" s="179"/>
      <c r="E140" s="180"/>
    </row>
    <row r="141" spans="1:6" s="2" customFormat="1" ht="24" x14ac:dyDescent="0.25">
      <c r="A141" s="181" t="s">
        <v>30</v>
      </c>
      <c r="B141" s="182"/>
      <c r="C141" s="182"/>
      <c r="D141" s="122"/>
      <c r="E141" s="183"/>
    </row>
    <row r="142" spans="1:6" s="2" customFormat="1" ht="24" x14ac:dyDescent="0.25">
      <c r="A142" s="181" t="s">
        <v>31</v>
      </c>
      <c r="B142" s="184"/>
      <c r="C142" s="184"/>
      <c r="D142" s="122"/>
      <c r="E142" s="183"/>
    </row>
    <row r="143" spans="1:6" s="2" customFormat="1" ht="24.95" customHeight="1" x14ac:dyDescent="0.25">
      <c r="A143" s="181" t="s">
        <v>32</v>
      </c>
      <c r="B143" s="184"/>
      <c r="C143" s="184"/>
      <c r="D143" s="122"/>
      <c r="E143" s="183"/>
    </row>
    <row r="144" spans="1:6" s="3" customFormat="1" ht="34.5" customHeight="1" x14ac:dyDescent="0.25">
      <c r="A144" s="181" t="s">
        <v>33</v>
      </c>
      <c r="B144" s="184"/>
      <c r="C144" s="184"/>
      <c r="D144" s="122"/>
      <c r="E144" s="185"/>
    </row>
    <row r="145" spans="1:5" s="2" customFormat="1" ht="46.5" customHeight="1" x14ac:dyDescent="0.2">
      <c r="A145" s="186"/>
      <c r="B145" s="187"/>
      <c r="C145" s="187"/>
      <c r="D145" s="122"/>
      <c r="E145" s="188"/>
    </row>
    <row r="146" spans="1:5" s="3" customFormat="1" ht="15" customHeight="1" x14ac:dyDescent="0.25">
      <c r="A146" s="189" t="s">
        <v>34</v>
      </c>
      <c r="B146" s="189"/>
      <c r="C146" s="189"/>
      <c r="D146" s="189"/>
      <c r="E146" s="189"/>
    </row>
    <row r="147" spans="1:5" s="2" customFormat="1" ht="36.75" customHeight="1" x14ac:dyDescent="0.25">
      <c r="A147" s="190" t="s">
        <v>45</v>
      </c>
      <c r="B147" s="190"/>
      <c r="C147" s="190"/>
      <c r="D147" s="190"/>
      <c r="E147" s="190"/>
    </row>
    <row r="148" spans="1:5" s="2" customFormat="1" ht="20.100000000000001" customHeight="1" x14ac:dyDescent="0.2">
      <c r="A148" s="191"/>
      <c r="B148" s="191"/>
      <c r="C148" s="192"/>
      <c r="D148" s="192"/>
      <c r="E148" s="122"/>
    </row>
    <row r="149" spans="1:5" s="3" customFormat="1" ht="4.5" customHeight="1" x14ac:dyDescent="0.2">
      <c r="A149" s="191"/>
      <c r="B149" s="191"/>
      <c r="C149" s="192"/>
      <c r="D149" s="192"/>
      <c r="E149" s="122"/>
    </row>
    <row r="150" spans="1:5" s="3" customFormat="1" ht="20.100000000000001" customHeight="1" x14ac:dyDescent="0.25">
      <c r="A150" s="193" t="s">
        <v>35</v>
      </c>
      <c r="B150" s="194"/>
      <c r="C150" s="195" t="s">
        <v>36</v>
      </c>
      <c r="D150" s="196"/>
      <c r="E150" s="196"/>
    </row>
    <row r="151" spans="1:5" s="3" customFormat="1" ht="20.100000000000001" customHeight="1" x14ac:dyDescent="0.25">
      <c r="A151" s="197" t="s">
        <v>37</v>
      </c>
      <c r="B151" s="198"/>
      <c r="C151" s="199"/>
      <c r="D151" s="200"/>
      <c r="E151" s="200"/>
    </row>
    <row r="152" spans="1:5" ht="20.100000000000001" customHeight="1" x14ac:dyDescent="0.2">
      <c r="A152" s="191"/>
      <c r="B152" s="191"/>
      <c r="C152" s="201" t="s">
        <v>38</v>
      </c>
      <c r="D152" s="182"/>
      <c r="E152" s="182"/>
    </row>
    <row r="153" spans="1:5" s="2" customFormat="1" ht="20.100000000000001" customHeight="1" x14ac:dyDescent="0.2">
      <c r="A153" s="191"/>
      <c r="B153" s="191"/>
      <c r="C153" s="201" t="s">
        <v>39</v>
      </c>
      <c r="D153" s="184"/>
      <c r="E153" s="184"/>
    </row>
    <row r="154" spans="1:5" s="2" customFormat="1" ht="20.100000000000001" customHeight="1" x14ac:dyDescent="0.2">
      <c r="A154" s="191"/>
      <c r="B154" s="191"/>
      <c r="C154" s="202" t="s">
        <v>40</v>
      </c>
      <c r="D154" s="191"/>
      <c r="E154" s="122"/>
    </row>
    <row r="155" spans="1:5" s="2" customFormat="1" ht="37.5" customHeight="1" x14ac:dyDescent="0.25">
      <c r="A155" s="122"/>
      <c r="B155" s="122"/>
      <c r="C155" s="122"/>
      <c r="D155" s="122"/>
      <c r="E155" s="122"/>
    </row>
    <row r="156" spans="1:5" s="2" customFormat="1" ht="24" customHeight="1" x14ac:dyDescent="0.25">
      <c r="A156" s="122"/>
      <c r="B156" s="122"/>
      <c r="C156" s="122"/>
      <c r="D156" s="122"/>
      <c r="E156" s="122"/>
    </row>
    <row r="157" spans="1:5" s="2" customFormat="1" ht="24" customHeight="1" x14ac:dyDescent="0.25">
      <c r="A157" s="122"/>
      <c r="B157" s="122"/>
      <c r="C157" s="122"/>
      <c r="D157" s="122"/>
      <c r="E157" s="122"/>
    </row>
    <row r="158" spans="1:5" s="2" customFormat="1" ht="24" customHeight="1" x14ac:dyDescent="0.25">
      <c r="A158" s="122"/>
      <c r="B158" s="122"/>
      <c r="C158" s="122"/>
      <c r="D158" s="122"/>
      <c r="E158" s="122"/>
    </row>
    <row r="159" spans="1:5" s="2" customFormat="1" ht="20.100000000000001" customHeight="1" x14ac:dyDescent="0.25">
      <c r="A159" s="122"/>
      <c r="B159" s="122"/>
      <c r="C159" s="122"/>
      <c r="D159" s="122"/>
      <c r="E159" s="122"/>
    </row>
    <row r="160" spans="1:5" s="2" customFormat="1" ht="20.100000000000001" customHeight="1" x14ac:dyDescent="0.25">
      <c r="A160" s="122"/>
      <c r="B160" s="122"/>
      <c r="C160" s="122"/>
      <c r="D160" s="122"/>
      <c r="E160" s="122"/>
    </row>
    <row r="161" spans="1:5" s="2" customFormat="1" ht="50.1" customHeight="1" x14ac:dyDescent="0.25">
      <c r="A161" s="122"/>
      <c r="B161" s="122"/>
      <c r="C161" s="122"/>
      <c r="D161" s="122"/>
      <c r="E161" s="122"/>
    </row>
    <row r="162" spans="1:5" s="2" customFormat="1" ht="43.5" customHeight="1" x14ac:dyDescent="0.25">
      <c r="A162" s="122"/>
      <c r="B162" s="122"/>
      <c r="C162" s="122"/>
      <c r="D162" s="122"/>
      <c r="E162" s="122"/>
    </row>
    <row r="163" spans="1:5" ht="24.75" customHeight="1" x14ac:dyDescent="0.2">
      <c r="A163" s="122"/>
      <c r="B163" s="122"/>
      <c r="C163" s="122"/>
      <c r="D163" s="122"/>
      <c r="E163" s="122"/>
    </row>
    <row r="164" spans="1:5" x14ac:dyDescent="0.2">
      <c r="A164" s="2"/>
      <c r="B164" s="2"/>
      <c r="C164" s="2"/>
      <c r="D164" s="2"/>
    </row>
    <row r="165" spans="1:5" ht="20.100000000000001" customHeight="1" x14ac:dyDescent="0.2"/>
    <row r="166" spans="1:5" ht="4.5" customHeight="1" x14ac:dyDescent="0.2"/>
    <row r="167" spans="1:5" ht="20.100000000000001" customHeight="1" x14ac:dyDescent="0.2"/>
    <row r="168" spans="1:5" ht="20.100000000000001" customHeight="1" x14ac:dyDescent="0.2"/>
    <row r="169" spans="1:5" ht="20.100000000000001" customHeight="1" x14ac:dyDescent="0.2"/>
  </sheetData>
  <mergeCells count="134">
    <mergeCell ref="D65:E65"/>
    <mergeCell ref="D109:E109"/>
    <mergeCell ref="A22:C22"/>
    <mergeCell ref="A13:C13"/>
    <mergeCell ref="A14:C14"/>
    <mergeCell ref="D46:E46"/>
    <mergeCell ref="D45:E45"/>
    <mergeCell ref="D43:E43"/>
    <mergeCell ref="D89:E89"/>
    <mergeCell ref="D53:E53"/>
    <mergeCell ref="D52:E52"/>
    <mergeCell ref="D51:E51"/>
    <mergeCell ref="D50:E50"/>
    <mergeCell ref="D49:E49"/>
    <mergeCell ref="D48:E48"/>
    <mergeCell ref="D47:E47"/>
    <mergeCell ref="D44:E44"/>
    <mergeCell ref="D61:E61"/>
    <mergeCell ref="D66:E66"/>
    <mergeCell ref="D67:E67"/>
    <mergeCell ref="D54:E54"/>
    <mergeCell ref="A41:E41"/>
    <mergeCell ref="D63:E63"/>
    <mergeCell ref="D64:E64"/>
    <mergeCell ref="A3:E3"/>
    <mergeCell ref="A7:E7"/>
    <mergeCell ref="A8:E8"/>
    <mergeCell ref="A9:E9"/>
    <mergeCell ref="A11:E11"/>
    <mergeCell ref="A15:C15"/>
    <mergeCell ref="A38:B39"/>
    <mergeCell ref="C38:E38"/>
    <mergeCell ref="D39:E39"/>
    <mergeCell ref="A24:E24"/>
    <mergeCell ref="B29:C29"/>
    <mergeCell ref="B30:C30"/>
    <mergeCell ref="A32:B32"/>
    <mergeCell ref="A18:C18"/>
    <mergeCell ref="A19:C19"/>
    <mergeCell ref="A20:E20"/>
    <mergeCell ref="A21:E21"/>
    <mergeCell ref="D124:E124"/>
    <mergeCell ref="F131:F136"/>
    <mergeCell ref="D108:E108"/>
    <mergeCell ref="D77:E77"/>
    <mergeCell ref="D78:E78"/>
    <mergeCell ref="D128:E128"/>
    <mergeCell ref="D122:E122"/>
    <mergeCell ref="D123:E123"/>
    <mergeCell ref="D99:E99"/>
    <mergeCell ref="D101:E101"/>
    <mergeCell ref="D102:E102"/>
    <mergeCell ref="D103:E103"/>
    <mergeCell ref="D96:E96"/>
    <mergeCell ref="D117:E117"/>
    <mergeCell ref="D104:E104"/>
    <mergeCell ref="D105:E105"/>
    <mergeCell ref="D106:E106"/>
    <mergeCell ref="D107:E107"/>
    <mergeCell ref="D118:E118"/>
    <mergeCell ref="D119:E119"/>
    <mergeCell ref="D120:E120"/>
    <mergeCell ref="D121:E121"/>
    <mergeCell ref="D110:E110"/>
    <mergeCell ref="D111:E111"/>
    <mergeCell ref="D71:E71"/>
    <mergeCell ref="A94:B95"/>
    <mergeCell ref="C94:E94"/>
    <mergeCell ref="D95:E95"/>
    <mergeCell ref="D72:E72"/>
    <mergeCell ref="D73:E73"/>
    <mergeCell ref="D74:E74"/>
    <mergeCell ref="A92:E92"/>
    <mergeCell ref="D75:E75"/>
    <mergeCell ref="D98:E98"/>
    <mergeCell ref="D100:E100"/>
    <mergeCell ref="D97:E97"/>
    <mergeCell ref="D81:E81"/>
    <mergeCell ref="A79:E79"/>
    <mergeCell ref="D82:E82"/>
    <mergeCell ref="D83:E83"/>
    <mergeCell ref="D84:E84"/>
    <mergeCell ref="D85:E85"/>
    <mergeCell ref="D86:E86"/>
    <mergeCell ref="D87:E87"/>
    <mergeCell ref="D88:E88"/>
    <mergeCell ref="D90:E90"/>
    <mergeCell ref="D150:E150"/>
    <mergeCell ref="D152:E152"/>
    <mergeCell ref="D126:E126"/>
    <mergeCell ref="D127:E127"/>
    <mergeCell ref="D116:E116"/>
    <mergeCell ref="A2:E2"/>
    <mergeCell ref="A1:E1"/>
    <mergeCell ref="A12:C12"/>
    <mergeCell ref="A25:B25"/>
    <mergeCell ref="A28:B28"/>
    <mergeCell ref="D68:E68"/>
    <mergeCell ref="D69:E69"/>
    <mergeCell ref="D70:E70"/>
    <mergeCell ref="A40:E40"/>
    <mergeCell ref="A36:E36"/>
    <mergeCell ref="A23:E23"/>
    <mergeCell ref="D55:E55"/>
    <mergeCell ref="D56:E56"/>
    <mergeCell ref="D57:E57"/>
    <mergeCell ref="D58:E58"/>
    <mergeCell ref="D59:E59"/>
    <mergeCell ref="D60:E60"/>
    <mergeCell ref="D62:E62"/>
    <mergeCell ref="D42:E42"/>
    <mergeCell ref="D112:E112"/>
    <mergeCell ref="D114:E114"/>
    <mergeCell ref="D125:E125"/>
    <mergeCell ref="D115:E115"/>
    <mergeCell ref="D113:E113"/>
    <mergeCell ref="D76:E76"/>
    <mergeCell ref="D80:E80"/>
    <mergeCell ref="D153:E153"/>
    <mergeCell ref="A146:E146"/>
    <mergeCell ref="A147:E147"/>
    <mergeCell ref="D129:E129"/>
    <mergeCell ref="A133:B134"/>
    <mergeCell ref="C133:E133"/>
    <mergeCell ref="D134:E134"/>
    <mergeCell ref="D136:E136"/>
    <mergeCell ref="B144:C144"/>
    <mergeCell ref="A138:E138"/>
    <mergeCell ref="B139:E139"/>
    <mergeCell ref="A140:D140"/>
    <mergeCell ref="A131:E131"/>
    <mergeCell ref="B142:C142"/>
    <mergeCell ref="B143:C143"/>
    <mergeCell ref="B141:C141"/>
  </mergeCells>
  <phoneticPr fontId="13" type="noConversion"/>
  <conditionalFormatting sqref="B4:B5">
    <cfRule type="containsBlanks" dxfId="4" priority="6">
      <formula>LEN(TRIM(B4))=0</formula>
    </cfRule>
  </conditionalFormatting>
  <conditionalFormatting sqref="B150:B151">
    <cfRule type="containsBlanks" dxfId="3" priority="4">
      <formula>LEN(TRIM(B150))=0</formula>
    </cfRule>
  </conditionalFormatting>
  <conditionalFormatting sqref="C42:C78 C80:C90 C96:C129 B141:C144">
    <cfRule type="containsBlanks" dxfId="2" priority="26">
      <formula>LEN(TRIM(B42))=0</formula>
    </cfRule>
  </conditionalFormatting>
  <conditionalFormatting sqref="C135:C136">
    <cfRule type="containsBlanks" dxfId="1" priority="14">
      <formula>LEN(TRIM(C135))=0</formula>
    </cfRule>
  </conditionalFormatting>
  <conditionalFormatting sqref="D152:E153">
    <cfRule type="containsBlanks" dxfId="0" priority="24">
      <formula>LEN(TRIM(D152))=0</formula>
    </cfRule>
  </conditionalFormatting>
  <hyperlinks>
    <hyperlink ref="A96" r:id="rId1" display="https://www.epi.sk/zz/2022-518/znenie-20231201"/>
  </hyperlinks>
  <pageMargins left="0.7" right="0.7" top="0.97499999999999998" bottom="0.75" header="0.3" footer="0.3"/>
  <pageSetup paperSize="9" scale="52" fitToHeight="0" orientation="portrait" r:id="rId2"/>
  <headerFooter>
    <oddHeader>&amp;C&amp;"Arial,Normálne"&amp;16CENOVÁ PONUKA&amp;14
pre účel
prípravnej trhovej konzultácia a predbežného zapojenia záujemcov alebo uchádzačov (ďalej aj "PTK")</oddHeader>
    <oddFooter>&amp;CStrana &amp;P z &amp;N</oddFooter>
  </headerFooter>
  <rowBreaks count="4" manualBreakCount="4">
    <brk id="53" max="4" man="1"/>
    <brk id="91" max="4" man="1"/>
    <brk id="116" max="4" man="1"/>
    <brk id="137" max="4" man="1"/>
  </rowBreaks>
  <drawing r:id="rId3"/>
  <legacyDrawing r:id="rId4"/>
  <mc:AlternateContent xmlns:mc="http://schemas.openxmlformats.org/markup-compatibility/2006">
    <mc:Choice Requires="x14">
      <controls>
        <mc:AlternateContent xmlns:mc="http://schemas.openxmlformats.org/markup-compatibility/2006">
          <mc:Choice Requires="x14">
            <control shapeId="8195" r:id="rId5" name="Check Box 3">
              <controlPr defaultSize="0" autoFill="0" autoLine="0" autoPict="0">
                <anchor moveWithCells="1">
                  <from>
                    <xdr:col>0</xdr:col>
                    <xdr:colOff>276225</xdr:colOff>
                    <xdr:row>25</xdr:row>
                    <xdr:rowOff>28575</xdr:rowOff>
                  </from>
                  <to>
                    <xdr:col>0</xdr:col>
                    <xdr:colOff>533400</xdr:colOff>
                    <xdr:row>26</xdr:row>
                    <xdr:rowOff>0</xdr:rowOff>
                  </to>
                </anchor>
              </controlPr>
            </control>
          </mc:Choice>
        </mc:AlternateContent>
        <mc:AlternateContent xmlns:mc="http://schemas.openxmlformats.org/markup-compatibility/2006">
          <mc:Choice Requires="x14">
            <control shapeId="8196" r:id="rId6" name="Check Box 4">
              <controlPr defaultSize="0" autoFill="0" autoLine="0" autoPict="0">
                <anchor moveWithCells="1">
                  <from>
                    <xdr:col>0</xdr:col>
                    <xdr:colOff>276225</xdr:colOff>
                    <xdr:row>26</xdr:row>
                    <xdr:rowOff>28575</xdr:rowOff>
                  </from>
                  <to>
                    <xdr:col>0</xdr:col>
                    <xdr:colOff>542925</xdr:colOff>
                    <xdr:row>27</xdr:row>
                    <xdr:rowOff>0</xdr:rowOff>
                  </to>
                </anchor>
              </controlPr>
            </control>
          </mc:Choice>
        </mc:AlternateContent>
        <mc:AlternateContent xmlns:mc="http://schemas.openxmlformats.org/markup-compatibility/2006">
          <mc:Choice Requires="x14">
            <control shapeId="8197" r:id="rId7" name="Check Box 5">
              <controlPr defaultSize="0" autoFill="0" autoLine="0" autoPict="0">
                <anchor moveWithCells="1">
                  <from>
                    <xdr:col>0</xdr:col>
                    <xdr:colOff>276225</xdr:colOff>
                    <xdr:row>32</xdr:row>
                    <xdr:rowOff>38100</xdr:rowOff>
                  </from>
                  <to>
                    <xdr:col>0</xdr:col>
                    <xdr:colOff>533400</xdr:colOff>
                    <xdr:row>33</xdr:row>
                    <xdr:rowOff>0</xdr:rowOff>
                  </to>
                </anchor>
              </controlPr>
            </control>
          </mc:Choice>
        </mc:AlternateContent>
        <mc:AlternateContent xmlns:mc="http://schemas.openxmlformats.org/markup-compatibility/2006">
          <mc:Choice Requires="x14">
            <control shapeId="8198" r:id="rId8" name="Check Box 6">
              <controlPr defaultSize="0" autoFill="0" autoLine="0" autoPict="0">
                <anchor moveWithCells="1">
                  <from>
                    <xdr:col>0</xdr:col>
                    <xdr:colOff>266700</xdr:colOff>
                    <xdr:row>33</xdr:row>
                    <xdr:rowOff>0</xdr:rowOff>
                  </from>
                  <to>
                    <xdr:col>0</xdr:col>
                    <xdr:colOff>523875</xdr:colOff>
                    <xdr:row>33</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Renáta Sobotková</cp:lastModifiedBy>
  <cp:lastPrinted>2024-02-22T08:19:32Z</cp:lastPrinted>
  <dcterms:created xsi:type="dcterms:W3CDTF">2017-04-21T05:51:15Z</dcterms:created>
  <dcterms:modified xsi:type="dcterms:W3CDTF">2024-02-22T08:19:35Z</dcterms:modified>
</cp:coreProperties>
</file>